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6712C" w:rsidRDefault="0076712C" w:rsidP="006C6445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noProof/>
          <w:sz w:val="24"/>
          <w:szCs w:val="24"/>
          <w:lang w:eastAsia="ru-RU"/>
        </w:rPr>
        <w:drawing>
          <wp:inline distT="0" distB="0" distL="0" distR="0">
            <wp:extent cx="5772150" cy="8610600"/>
            <wp:effectExtent l="0" t="0" r="0" b="0"/>
            <wp:docPr id="1" name="Рисунок 1" descr="C:\Users\i3\Desktop\Документ\Документ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Документ\Документ_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72150" cy="8610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76712C" w:rsidRDefault="0076712C" w:rsidP="006C6445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</w:p>
    <w:p w:rsidR="0076712C" w:rsidRDefault="0076712C" w:rsidP="006C6445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</w:p>
    <w:p w:rsidR="0076712C" w:rsidRDefault="0076712C" w:rsidP="006C6445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</w:p>
    <w:p w:rsidR="00D1347C" w:rsidRPr="006C6445" w:rsidRDefault="006350F3" w:rsidP="006C6445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Муниципальная образовательная</w:t>
      </w:r>
      <w:r w:rsidR="00D1347C" w:rsidRPr="006C6445">
        <w:rPr>
          <w:rFonts w:ascii="Times New Roman" w:hAnsi="Times New Roman"/>
          <w:sz w:val="24"/>
          <w:szCs w:val="24"/>
        </w:rPr>
        <w:t xml:space="preserve"> </w:t>
      </w:r>
      <w:r>
        <w:rPr>
          <w:rFonts w:ascii="Times New Roman" w:hAnsi="Times New Roman"/>
          <w:sz w:val="24"/>
          <w:szCs w:val="24"/>
        </w:rPr>
        <w:t>организация</w:t>
      </w:r>
    </w:p>
    <w:p w:rsidR="00D1347C" w:rsidRPr="006C6445" w:rsidRDefault="006350F3" w:rsidP="006C6445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«Р</w:t>
      </w:r>
      <w:r w:rsidR="00D1347C" w:rsidRPr="006C6445">
        <w:rPr>
          <w:rFonts w:ascii="Times New Roman" w:hAnsi="Times New Roman"/>
          <w:sz w:val="24"/>
          <w:szCs w:val="24"/>
        </w:rPr>
        <w:t>айонный центр дополнительного образования»</w:t>
      </w:r>
      <w:r>
        <w:rPr>
          <w:rFonts w:ascii="Times New Roman" w:hAnsi="Times New Roman"/>
          <w:sz w:val="24"/>
          <w:szCs w:val="24"/>
        </w:rPr>
        <w:t xml:space="preserve"> с.Корткерос</w:t>
      </w:r>
    </w:p>
    <w:p w:rsidR="00D1347C" w:rsidRPr="006C6445" w:rsidRDefault="00D1347C" w:rsidP="006C6445">
      <w:pPr>
        <w:spacing w:after="0" w:line="240" w:lineRule="auto"/>
        <w:jc w:val="center"/>
        <w:rPr>
          <w:rFonts w:ascii="Times New Roman" w:hAnsi="Times New Roman"/>
          <w:sz w:val="24"/>
          <w:szCs w:val="24"/>
        </w:rPr>
      </w:pPr>
    </w:p>
    <w:p w:rsidR="00D1347C" w:rsidRDefault="00D1347C" w:rsidP="00D1347C">
      <w:pPr>
        <w:spacing w:after="0" w:line="240" w:lineRule="auto"/>
        <w:rPr>
          <w:rFonts w:ascii="Times New Roman" w:hAnsi="Times New Roman"/>
          <w:sz w:val="28"/>
          <w:szCs w:val="28"/>
        </w:rPr>
      </w:pPr>
    </w:p>
    <w:p w:rsidR="00D1347C" w:rsidRPr="006350F3" w:rsidRDefault="00D1347C" w:rsidP="00D1347C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 xml:space="preserve">Рекомендована                                                  </w:t>
      </w:r>
      <w:r w:rsidR="006350F3" w:rsidRPr="006350F3">
        <w:rPr>
          <w:rFonts w:ascii="Times New Roman" w:hAnsi="Times New Roman"/>
          <w:sz w:val="24"/>
          <w:szCs w:val="24"/>
        </w:rPr>
        <w:t xml:space="preserve">                       </w:t>
      </w:r>
    </w:p>
    <w:p w:rsidR="00EE2ABA" w:rsidRPr="006350F3" w:rsidRDefault="00D1347C" w:rsidP="00D1347C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 xml:space="preserve">Методическим советом                    </w:t>
      </w:r>
      <w:r w:rsidR="006C6445" w:rsidRPr="006350F3">
        <w:rPr>
          <w:rFonts w:ascii="Times New Roman" w:hAnsi="Times New Roman"/>
          <w:sz w:val="24"/>
          <w:szCs w:val="24"/>
        </w:rPr>
        <w:t xml:space="preserve">                </w:t>
      </w:r>
    </w:p>
    <w:p w:rsidR="00D1347C" w:rsidRPr="006350F3" w:rsidRDefault="006C6445" w:rsidP="00D1347C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>От «__»____2017</w:t>
      </w:r>
      <w:r w:rsidR="00D1347C" w:rsidRPr="006350F3">
        <w:rPr>
          <w:rFonts w:ascii="Times New Roman" w:hAnsi="Times New Roman"/>
          <w:sz w:val="24"/>
          <w:szCs w:val="24"/>
        </w:rPr>
        <w:t xml:space="preserve"> г.                         </w:t>
      </w:r>
      <w:r w:rsidRPr="006350F3">
        <w:rPr>
          <w:rFonts w:ascii="Times New Roman" w:hAnsi="Times New Roman"/>
          <w:sz w:val="24"/>
          <w:szCs w:val="24"/>
        </w:rPr>
        <w:t xml:space="preserve">               </w:t>
      </w:r>
    </w:p>
    <w:p w:rsidR="00D1347C" w:rsidRPr="006350F3" w:rsidRDefault="00D1347C" w:rsidP="00D1347C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 xml:space="preserve">                                                                           </w:t>
      </w:r>
    </w:p>
    <w:p w:rsidR="00D1347C" w:rsidRPr="006350F3" w:rsidRDefault="00D1347C" w:rsidP="00D1347C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>Принята</w:t>
      </w:r>
    </w:p>
    <w:p w:rsidR="00D1347C" w:rsidRPr="006350F3" w:rsidRDefault="00D1347C" w:rsidP="00D1347C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 xml:space="preserve">Педагогическим советом                                           </w:t>
      </w:r>
    </w:p>
    <w:p w:rsidR="00D1347C" w:rsidRPr="006350F3" w:rsidRDefault="00D1347C" w:rsidP="00D1347C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>Протокол  №  _____</w:t>
      </w:r>
    </w:p>
    <w:p w:rsidR="00D1347C" w:rsidRPr="006350F3" w:rsidRDefault="00D1347C" w:rsidP="00D1347C">
      <w:pPr>
        <w:spacing w:after="0" w:line="240" w:lineRule="auto"/>
        <w:rPr>
          <w:rFonts w:ascii="Times New Roman" w:hAnsi="Times New Roman"/>
          <w:sz w:val="24"/>
          <w:szCs w:val="24"/>
        </w:rPr>
      </w:pPr>
      <w:proofErr w:type="gramStart"/>
      <w:r w:rsidRPr="006350F3">
        <w:rPr>
          <w:rFonts w:ascii="Times New Roman" w:hAnsi="Times New Roman"/>
          <w:sz w:val="24"/>
          <w:szCs w:val="24"/>
        </w:rPr>
        <w:t>от</w:t>
      </w:r>
      <w:proofErr w:type="gramEnd"/>
      <w:r w:rsidRPr="006350F3">
        <w:rPr>
          <w:rFonts w:ascii="Times New Roman" w:hAnsi="Times New Roman"/>
          <w:sz w:val="24"/>
          <w:szCs w:val="24"/>
        </w:rPr>
        <w:t xml:space="preserve"> «__»_________   г.</w:t>
      </w:r>
    </w:p>
    <w:p w:rsidR="00D1347C" w:rsidRPr="006350F3" w:rsidRDefault="00D1347C" w:rsidP="00D1347C">
      <w:pPr>
        <w:spacing w:after="0" w:line="240" w:lineRule="auto"/>
        <w:rPr>
          <w:rFonts w:ascii="Times New Roman" w:hAnsi="Times New Roman"/>
          <w:sz w:val="24"/>
          <w:szCs w:val="24"/>
        </w:rPr>
      </w:pPr>
    </w:p>
    <w:p w:rsidR="00D1347C" w:rsidRPr="006350F3" w:rsidRDefault="006350F3" w:rsidP="00D1347C">
      <w:pPr>
        <w:pStyle w:val="a5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>Утверждаю:</w:t>
      </w:r>
    </w:p>
    <w:p w:rsidR="006350F3" w:rsidRPr="006350F3" w:rsidRDefault="006350F3" w:rsidP="006350F3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>Директор МОО «РЦДО» с. Корткерос</w:t>
      </w:r>
    </w:p>
    <w:p w:rsidR="006350F3" w:rsidRPr="006350F3" w:rsidRDefault="006350F3" w:rsidP="006350F3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>______________Попова Е.Г.</w:t>
      </w:r>
    </w:p>
    <w:p w:rsidR="006350F3" w:rsidRPr="006350F3" w:rsidRDefault="006350F3" w:rsidP="006350F3">
      <w:pPr>
        <w:tabs>
          <w:tab w:val="left" w:pos="5103"/>
        </w:tabs>
        <w:spacing w:after="0" w:line="240" w:lineRule="auto"/>
        <w:rPr>
          <w:rFonts w:ascii="Times New Roman" w:hAnsi="Times New Roman"/>
          <w:sz w:val="24"/>
          <w:szCs w:val="24"/>
        </w:rPr>
      </w:pPr>
      <w:r w:rsidRPr="006350F3">
        <w:rPr>
          <w:rFonts w:ascii="Times New Roman" w:hAnsi="Times New Roman"/>
          <w:sz w:val="24"/>
          <w:szCs w:val="24"/>
        </w:rPr>
        <w:t xml:space="preserve">Протокол  № _____                                        </w:t>
      </w:r>
    </w:p>
    <w:p w:rsidR="006350F3" w:rsidRDefault="006350F3" w:rsidP="00D1347C">
      <w:pPr>
        <w:pStyle w:val="a5"/>
        <w:rPr>
          <w:rFonts w:ascii="Times New Roman" w:hAnsi="Times New Roman"/>
          <w:sz w:val="28"/>
          <w:szCs w:val="28"/>
        </w:rPr>
      </w:pPr>
      <w:r w:rsidRPr="006350F3">
        <w:rPr>
          <w:rFonts w:ascii="Times New Roman" w:hAnsi="Times New Roman"/>
          <w:sz w:val="24"/>
          <w:szCs w:val="24"/>
        </w:rPr>
        <w:t>«___»________2017  г.</w:t>
      </w:r>
    </w:p>
    <w:p w:rsidR="00D1347C" w:rsidRDefault="00D1347C" w:rsidP="00D1347C">
      <w:pPr>
        <w:pStyle w:val="a5"/>
        <w:rPr>
          <w:rFonts w:ascii="Times New Roman" w:hAnsi="Times New Roman"/>
          <w:sz w:val="28"/>
          <w:szCs w:val="28"/>
        </w:rPr>
      </w:pPr>
    </w:p>
    <w:p w:rsidR="00D1347C" w:rsidRDefault="00D1347C" w:rsidP="00D1347C">
      <w:pPr>
        <w:pStyle w:val="a5"/>
        <w:rPr>
          <w:rFonts w:ascii="Times New Roman" w:hAnsi="Times New Roman"/>
          <w:sz w:val="28"/>
          <w:szCs w:val="28"/>
        </w:rPr>
      </w:pPr>
    </w:p>
    <w:p w:rsidR="00D1347C" w:rsidRDefault="00D1347C" w:rsidP="00D1347C">
      <w:pPr>
        <w:pStyle w:val="a5"/>
        <w:rPr>
          <w:rFonts w:ascii="Times New Roman" w:hAnsi="Times New Roman"/>
          <w:sz w:val="28"/>
          <w:szCs w:val="28"/>
        </w:rPr>
      </w:pPr>
    </w:p>
    <w:p w:rsidR="00D1347C" w:rsidRDefault="00D1347C" w:rsidP="00D1347C">
      <w:pPr>
        <w:pStyle w:val="a5"/>
        <w:rPr>
          <w:rFonts w:ascii="Times New Roman" w:hAnsi="Times New Roman"/>
          <w:b/>
          <w:sz w:val="28"/>
          <w:szCs w:val="28"/>
        </w:rPr>
      </w:pPr>
    </w:p>
    <w:p w:rsidR="00D1347C" w:rsidRDefault="00D1347C" w:rsidP="00D1347C">
      <w:pPr>
        <w:pStyle w:val="a5"/>
        <w:rPr>
          <w:rFonts w:ascii="Times New Roman" w:hAnsi="Times New Roman"/>
          <w:b/>
          <w:sz w:val="28"/>
          <w:szCs w:val="28"/>
        </w:rPr>
      </w:pPr>
    </w:p>
    <w:p w:rsidR="00D1347C" w:rsidRDefault="00D1347C" w:rsidP="00D1347C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разовательная программа-</w:t>
      </w:r>
    </w:p>
    <w:p w:rsidR="00D1347C" w:rsidRDefault="00D1347C" w:rsidP="00D1347C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щеразвивающая программа</w:t>
      </w:r>
    </w:p>
    <w:p w:rsidR="00D1347C" w:rsidRDefault="00D1347C" w:rsidP="00D1347C">
      <w:pPr>
        <w:spacing w:after="0" w:line="240" w:lineRule="auto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«Декоративно</w:t>
      </w:r>
      <w:r w:rsidR="00E00A34">
        <w:rPr>
          <w:rFonts w:ascii="Times New Roman" w:hAnsi="Times New Roman"/>
          <w:sz w:val="28"/>
          <w:szCs w:val="28"/>
        </w:rPr>
        <w:t xml:space="preserve"> </w:t>
      </w:r>
      <w:r>
        <w:rPr>
          <w:rFonts w:ascii="Times New Roman" w:hAnsi="Times New Roman"/>
          <w:sz w:val="28"/>
          <w:szCs w:val="28"/>
        </w:rPr>
        <w:t>- прикладное искусство»</w:t>
      </w:r>
    </w:p>
    <w:p w:rsidR="00D1347C" w:rsidRDefault="00D1347C" w:rsidP="00D1347C">
      <w:pPr>
        <w:spacing w:after="0" w:line="240" w:lineRule="auto"/>
        <w:rPr>
          <w:rFonts w:ascii="Times New Roman" w:hAnsi="Times New Roman"/>
          <w:b/>
          <w:sz w:val="28"/>
          <w:szCs w:val="28"/>
        </w:rPr>
      </w:pPr>
    </w:p>
    <w:p w:rsidR="00D1347C" w:rsidRDefault="00D1347C" w:rsidP="00D1347C">
      <w:pPr>
        <w:spacing w:after="0" w:line="240" w:lineRule="auto"/>
        <w:jc w:val="center"/>
        <w:rPr>
          <w:rFonts w:ascii="Times New Roman" w:hAnsi="Times New Roman"/>
          <w:b/>
          <w:sz w:val="28"/>
          <w:szCs w:val="28"/>
        </w:rPr>
      </w:pPr>
    </w:p>
    <w:p w:rsidR="00D1347C" w:rsidRDefault="00D1347C" w:rsidP="006C6445">
      <w:pPr>
        <w:tabs>
          <w:tab w:val="left" w:pos="3828"/>
        </w:tabs>
        <w:spacing w:after="0" w:line="240" w:lineRule="auto"/>
        <w:ind w:left="4253" w:hanging="851"/>
        <w:rPr>
          <w:rFonts w:ascii="Times New Roman" w:hAnsi="Times New Roman"/>
          <w:sz w:val="28"/>
          <w:szCs w:val="28"/>
        </w:rPr>
      </w:pPr>
      <w:r w:rsidRPr="00C26EB0">
        <w:rPr>
          <w:rFonts w:ascii="Times New Roman" w:hAnsi="Times New Roman"/>
          <w:sz w:val="28"/>
          <w:szCs w:val="28"/>
        </w:rPr>
        <w:t>Объединение «Очумелые ручки»</w:t>
      </w:r>
    </w:p>
    <w:p w:rsidR="00D1347C" w:rsidRDefault="00D1347C" w:rsidP="006C6445">
      <w:pPr>
        <w:tabs>
          <w:tab w:val="left" w:pos="3828"/>
        </w:tabs>
        <w:spacing w:after="0" w:line="240" w:lineRule="auto"/>
        <w:ind w:left="4253" w:hanging="851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Направленность: художественно</w:t>
      </w:r>
      <w:r w:rsidR="00E00A34">
        <w:rPr>
          <w:rFonts w:ascii="Times New Roman" w:hAnsi="Times New Roman"/>
          <w:sz w:val="28"/>
          <w:szCs w:val="28"/>
        </w:rPr>
        <w:t xml:space="preserve"> </w:t>
      </w:r>
      <w:r>
        <w:rPr>
          <w:rFonts w:ascii="Times New Roman" w:hAnsi="Times New Roman"/>
          <w:sz w:val="28"/>
          <w:szCs w:val="28"/>
        </w:rPr>
        <w:t>- эстетическая</w:t>
      </w:r>
    </w:p>
    <w:p w:rsidR="00D1347C" w:rsidRDefault="00D1347C" w:rsidP="006C6445">
      <w:pPr>
        <w:tabs>
          <w:tab w:val="left" w:pos="3828"/>
        </w:tabs>
        <w:spacing w:after="0" w:line="240" w:lineRule="auto"/>
        <w:ind w:left="4253" w:hanging="851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Срок реализации-  1 год</w:t>
      </w:r>
    </w:p>
    <w:p w:rsidR="00D1347C" w:rsidRDefault="00D1347C" w:rsidP="006C6445">
      <w:pPr>
        <w:tabs>
          <w:tab w:val="left" w:pos="3828"/>
        </w:tabs>
        <w:spacing w:after="0" w:line="240" w:lineRule="auto"/>
        <w:ind w:left="4253" w:hanging="851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Возраст учащихся  6- 8 лет</w:t>
      </w:r>
    </w:p>
    <w:p w:rsidR="00D1347C" w:rsidRDefault="00D1347C" w:rsidP="006C6445">
      <w:pPr>
        <w:tabs>
          <w:tab w:val="left" w:pos="3828"/>
        </w:tabs>
        <w:spacing w:after="0" w:line="240" w:lineRule="auto"/>
        <w:ind w:left="4253" w:hanging="851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Составитель: Киселёва Татьяна Викторовна,</w:t>
      </w:r>
    </w:p>
    <w:p w:rsidR="00D1347C" w:rsidRDefault="00D1347C" w:rsidP="006C6445">
      <w:pPr>
        <w:tabs>
          <w:tab w:val="left" w:pos="3828"/>
        </w:tabs>
        <w:spacing w:after="0" w:line="240" w:lineRule="auto"/>
        <w:ind w:left="4253" w:hanging="851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едагог дополнительного образования</w:t>
      </w:r>
    </w:p>
    <w:p w:rsidR="00D1347C" w:rsidRDefault="00D1347C" w:rsidP="006C6445">
      <w:pPr>
        <w:spacing w:after="0" w:line="240" w:lineRule="auto"/>
        <w:ind w:left="4253"/>
        <w:rPr>
          <w:rFonts w:ascii="Times New Roman" w:hAnsi="Times New Roman"/>
          <w:sz w:val="28"/>
          <w:szCs w:val="28"/>
        </w:rPr>
      </w:pPr>
    </w:p>
    <w:p w:rsidR="00D1347C" w:rsidRDefault="00D1347C" w:rsidP="00D1347C">
      <w:pPr>
        <w:spacing w:after="0" w:line="240" w:lineRule="auto"/>
        <w:rPr>
          <w:rFonts w:ascii="Times New Roman" w:hAnsi="Times New Roman"/>
          <w:sz w:val="28"/>
          <w:szCs w:val="28"/>
        </w:rPr>
      </w:pPr>
    </w:p>
    <w:p w:rsidR="00D1347C" w:rsidRDefault="00D1347C" w:rsidP="00D1347C">
      <w:pPr>
        <w:spacing w:after="0" w:line="240" w:lineRule="auto"/>
        <w:rPr>
          <w:rFonts w:ascii="Times New Roman" w:hAnsi="Times New Roman"/>
          <w:sz w:val="28"/>
          <w:szCs w:val="28"/>
        </w:rPr>
      </w:pPr>
    </w:p>
    <w:p w:rsidR="006350F3" w:rsidRDefault="006350F3">
      <w:pPr>
        <w:rPr>
          <w:rFonts w:ascii="Times New Roman" w:hAnsi="Times New Roman"/>
          <w:sz w:val="28"/>
          <w:szCs w:val="28"/>
        </w:rPr>
      </w:pPr>
    </w:p>
    <w:p w:rsidR="006350F3" w:rsidRDefault="006350F3">
      <w:pPr>
        <w:rPr>
          <w:rFonts w:ascii="Times New Roman" w:hAnsi="Times New Roman"/>
          <w:sz w:val="28"/>
          <w:szCs w:val="28"/>
        </w:rPr>
      </w:pPr>
    </w:p>
    <w:p w:rsidR="006350F3" w:rsidRDefault="006350F3">
      <w:pPr>
        <w:rPr>
          <w:rFonts w:ascii="Times New Roman" w:hAnsi="Times New Roman"/>
          <w:sz w:val="28"/>
          <w:szCs w:val="28"/>
        </w:rPr>
      </w:pPr>
    </w:p>
    <w:p w:rsidR="006350F3" w:rsidRDefault="00252A06" w:rsidP="00655560">
      <w:pPr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lastRenderedPageBreak/>
        <w:t>2017-2018</w:t>
      </w:r>
    </w:p>
    <w:p w:rsidR="004336E5" w:rsidRPr="006350F3" w:rsidRDefault="00EE2ABA" w:rsidP="006350F3">
      <w:pPr>
        <w:pStyle w:val="a8"/>
        <w:numPr>
          <w:ilvl w:val="0"/>
          <w:numId w:val="26"/>
        </w:numPr>
        <w:jc w:val="center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6350F3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br w:type="page"/>
      </w:r>
      <w:r w:rsidR="006350F3" w:rsidRPr="006350F3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lastRenderedPageBreak/>
        <w:t>Пояснительная записка</w:t>
      </w:r>
    </w:p>
    <w:p w:rsidR="004336E5" w:rsidRPr="000539A2" w:rsidRDefault="004336E5" w:rsidP="00891839">
      <w:pPr>
        <w:pStyle w:val="a8"/>
        <w:ind w:left="0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В современном мире художественное мышление, связывающие нас с прошлым, с духовным наследием наших предков, является непреходящей ценностью. А воплощение этого мышления и есть декоративно-прикладное искусство. Оно воспитывает чуткое отношение к прекрасному, способствует формированию гармонично развитой личности. Поэтому очень важно для детей видеть красоту предметов декоративно-прикладного искусства, пробовать изготовить их своими руками. Образовательная программа дополнительного образования детей </w:t>
      </w:r>
      <w:r w:rsidRPr="00C33C52">
        <w:rPr>
          <w:rFonts w:ascii="Times New Roman" w:eastAsia="Times New Roman" w:hAnsi="Times New Roman" w:cs="Times New Roman"/>
          <w:b/>
          <w:i/>
          <w:color w:val="000000"/>
          <w:sz w:val="24"/>
          <w:szCs w:val="24"/>
          <w:lang w:eastAsia="ru-RU"/>
        </w:rPr>
        <w:t>актуальна</w:t>
      </w: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тем, что она широко и многосторонне раскрывает художественный образ вещи, слова, основы художественного изображения, связь народной художественной культуры с общечеловеческими ценностями. Одновременно осуществляется развитие творческого опыта учащихся в процессе собственной художественно-творческой активности.  Программа вводит ребенка в удивительный мир творчества, дает возможность поверить в себя, в свои способности, предусматривает развитие у обучающихся изобразительных, художественно-конструкторских способностей, нестандартного мышления, творческой индивидуальности.</w:t>
      </w:r>
    </w:p>
    <w:p w:rsidR="0016264E" w:rsidRPr="000539A2" w:rsidRDefault="0016264E" w:rsidP="00891839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</w:pPr>
    </w:p>
    <w:p w:rsidR="00393183" w:rsidRPr="006350F3" w:rsidRDefault="00891839" w:rsidP="00891839">
      <w:pPr>
        <w:pStyle w:val="a8"/>
        <w:tabs>
          <w:tab w:val="left" w:pos="6165"/>
        </w:tabs>
        <w:ind w:left="1080"/>
        <w:jc w:val="center"/>
        <w:rPr>
          <w:sz w:val="24"/>
          <w:szCs w:val="24"/>
        </w:rPr>
      </w:pP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2.</w:t>
      </w:r>
      <w:r w:rsidR="00393183" w:rsidRPr="006350F3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Цель</w:t>
      </w:r>
      <w:r w:rsidR="006350F3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 задачи</w:t>
      </w:r>
    </w:p>
    <w:p w:rsidR="00C26EB0" w:rsidRDefault="006350F3" w:rsidP="00891839">
      <w:pPr>
        <w:pStyle w:val="a6"/>
        <w:shd w:val="clear" w:color="auto" w:fill="auto"/>
        <w:spacing w:line="240" w:lineRule="auto"/>
        <w:ind w:right="20"/>
        <w:jc w:val="both"/>
        <w:rPr>
          <w:sz w:val="28"/>
          <w:szCs w:val="28"/>
        </w:rPr>
      </w:pPr>
      <w:r w:rsidRPr="00C26EB0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Цель -</w:t>
      </w:r>
      <w:r w:rsidRPr="00C26EB0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 xml:space="preserve"> </w:t>
      </w:r>
      <w:r w:rsidR="00C26EB0" w:rsidRPr="00C26EB0">
        <w:rPr>
          <w:rFonts w:ascii="Times New Roman" w:hAnsi="Times New Roman" w:cs="Times New Roman"/>
          <w:sz w:val="24"/>
          <w:szCs w:val="24"/>
        </w:rPr>
        <w:t>обеспечение обучения</w:t>
      </w:r>
      <w:r w:rsidR="00252A06">
        <w:rPr>
          <w:rFonts w:ascii="Times New Roman" w:hAnsi="Times New Roman" w:cs="Times New Roman"/>
          <w:sz w:val="24"/>
          <w:szCs w:val="24"/>
        </w:rPr>
        <w:t xml:space="preserve"> творчеству</w:t>
      </w:r>
      <w:r w:rsidR="00497933">
        <w:rPr>
          <w:rFonts w:ascii="Times New Roman" w:hAnsi="Times New Roman" w:cs="Times New Roman"/>
          <w:sz w:val="24"/>
          <w:szCs w:val="24"/>
        </w:rPr>
        <w:t>, воспитание и развитие</w:t>
      </w:r>
      <w:r w:rsidR="00C26EB0" w:rsidRPr="00C26EB0">
        <w:rPr>
          <w:rFonts w:ascii="Times New Roman" w:hAnsi="Times New Roman" w:cs="Times New Roman"/>
          <w:sz w:val="24"/>
          <w:szCs w:val="24"/>
        </w:rPr>
        <w:t xml:space="preserve"> детей</w:t>
      </w:r>
      <w:r w:rsidR="00C26EB0">
        <w:rPr>
          <w:sz w:val="28"/>
          <w:szCs w:val="28"/>
        </w:rPr>
        <w:t>,</w:t>
      </w:r>
      <w:r w:rsidR="00F674E1">
        <w:rPr>
          <w:sz w:val="28"/>
          <w:szCs w:val="28"/>
        </w:rPr>
        <w:t xml:space="preserve"> </w:t>
      </w:r>
      <w:r w:rsidR="00393183" w:rsidRPr="00C26EB0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>формирование знаний и приобретение практических навыков в области</w:t>
      </w:r>
      <w:r w:rsidR="00F674E1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 xml:space="preserve"> </w:t>
      </w:r>
      <w:r w:rsidR="00497933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 xml:space="preserve">ДПИ: </w:t>
      </w:r>
      <w:r w:rsidR="00891839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 xml:space="preserve">аппликации, </w:t>
      </w:r>
      <w:proofErr w:type="spellStart"/>
      <w:r w:rsidR="00F674E1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>бумагопластики</w:t>
      </w:r>
      <w:proofErr w:type="spellEnd"/>
      <w:r w:rsidR="00F674E1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 xml:space="preserve">, </w:t>
      </w:r>
      <w:r w:rsidR="00393183" w:rsidRPr="00C26EB0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 xml:space="preserve">бросового материала, </w:t>
      </w:r>
      <w:proofErr w:type="spellStart"/>
      <w:r w:rsidR="00393183" w:rsidRPr="00C26EB0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>пластелинографии</w:t>
      </w:r>
      <w:proofErr w:type="spellEnd"/>
      <w:r w:rsidR="00497933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>, оригами.</w:t>
      </w:r>
      <w:r w:rsidR="00C26EB0" w:rsidRPr="00C26EB0">
        <w:rPr>
          <w:sz w:val="28"/>
          <w:szCs w:val="28"/>
        </w:rPr>
        <w:t xml:space="preserve"> </w:t>
      </w:r>
    </w:p>
    <w:p w:rsidR="00891839" w:rsidRDefault="00891839" w:rsidP="00891839">
      <w:pPr>
        <w:pStyle w:val="a6"/>
        <w:shd w:val="clear" w:color="auto" w:fill="auto"/>
        <w:spacing w:line="240" w:lineRule="auto"/>
        <w:ind w:right="20"/>
        <w:jc w:val="both"/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</w:pPr>
    </w:p>
    <w:p w:rsidR="00393183" w:rsidRPr="00C26EB0" w:rsidRDefault="006350F3" w:rsidP="00891839">
      <w:pPr>
        <w:pStyle w:val="a6"/>
        <w:shd w:val="clear" w:color="auto" w:fill="auto"/>
        <w:spacing w:line="240" w:lineRule="auto"/>
        <w:ind w:right="20"/>
        <w:jc w:val="both"/>
        <w:rPr>
          <w:sz w:val="28"/>
          <w:szCs w:val="28"/>
        </w:rPr>
      </w:pPr>
      <w:r w:rsidRPr="00C26EB0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Задачи:</w:t>
      </w:r>
    </w:p>
    <w:p w:rsidR="00C26EB0" w:rsidRPr="000539A2" w:rsidRDefault="006350F3" w:rsidP="00F674E1">
      <w:pPr>
        <w:shd w:val="clear" w:color="auto" w:fill="FFFFFF"/>
        <w:spacing w:after="0" w:line="270" w:lineRule="atLeast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proofErr w:type="gramStart"/>
      <w:r w:rsidRPr="006350F3">
        <w:rPr>
          <w:rFonts w:ascii="Times New Roman" w:hAnsi="Times New Roman" w:cs="Times New Roman"/>
          <w:sz w:val="24"/>
          <w:szCs w:val="24"/>
          <w:u w:val="single"/>
        </w:rPr>
        <w:t>Обучающие</w:t>
      </w:r>
      <w:r w:rsidRPr="006350F3">
        <w:rPr>
          <w:rFonts w:ascii="Times New Roman" w:hAnsi="Times New Roman" w:cs="Times New Roman"/>
          <w:sz w:val="24"/>
          <w:szCs w:val="24"/>
        </w:rPr>
        <w:t>:</w:t>
      </w:r>
      <w:r w:rsidR="00C26EB0" w:rsidRPr="00C26EB0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C26EB0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F674E1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</w:t>
      </w:r>
      <w:proofErr w:type="gramEnd"/>
      <w:r w:rsidR="00F674E1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C26EB0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ив</w:t>
      </w:r>
      <w:r w:rsidR="0049793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ить интерес и любовь к нетрадиционному </w:t>
      </w:r>
      <w:r w:rsidR="00C26EB0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искусству;</w:t>
      </w:r>
    </w:p>
    <w:p w:rsidR="00C26EB0" w:rsidRDefault="00F674E1" w:rsidP="00F674E1">
      <w:pPr>
        <w:shd w:val="clear" w:color="auto" w:fill="FFFFFF"/>
        <w:spacing w:after="0" w:line="270" w:lineRule="atLeast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</w:t>
      </w:r>
      <w:r w:rsidR="00C26EB0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стимулирование творческой активности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,</w:t>
      </w:r>
    </w:p>
    <w:p w:rsidR="00C26EB0" w:rsidRPr="000539A2" w:rsidRDefault="006350F3" w:rsidP="00C26EB0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6350F3">
        <w:rPr>
          <w:rFonts w:ascii="Times New Roman" w:hAnsi="Times New Roman" w:cs="Times New Roman"/>
          <w:sz w:val="24"/>
          <w:szCs w:val="24"/>
          <w:u w:val="single"/>
        </w:rPr>
        <w:t>Развивающие</w:t>
      </w:r>
      <w:r w:rsidRPr="006350F3">
        <w:rPr>
          <w:rFonts w:ascii="Times New Roman" w:hAnsi="Times New Roman" w:cs="Times New Roman"/>
          <w:sz w:val="24"/>
          <w:szCs w:val="24"/>
        </w:rPr>
        <w:t>:</w:t>
      </w:r>
      <w:r w:rsidR="00C26EB0" w:rsidRPr="00C26EB0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F674E1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- </w:t>
      </w:r>
      <w:r w:rsidR="00C26EB0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развитие трудовых, технических навыков изготовления изделия;</w:t>
      </w:r>
    </w:p>
    <w:p w:rsidR="00C26EB0" w:rsidRDefault="00C26EB0" w:rsidP="00C26EB0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развивать эстетический вкус;</w:t>
      </w:r>
    </w:p>
    <w:p w:rsidR="00F674E1" w:rsidRPr="000539A2" w:rsidRDefault="00F674E1" w:rsidP="00C26EB0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развивать творчество и фантазию;</w:t>
      </w:r>
    </w:p>
    <w:p w:rsidR="00C26EB0" w:rsidRPr="000539A2" w:rsidRDefault="006350F3" w:rsidP="00C26EB0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6350F3">
        <w:rPr>
          <w:rFonts w:ascii="Times New Roman" w:hAnsi="Times New Roman" w:cs="Times New Roman"/>
          <w:sz w:val="24"/>
          <w:szCs w:val="24"/>
          <w:u w:val="single"/>
        </w:rPr>
        <w:t>Воспитательные</w:t>
      </w:r>
      <w:r w:rsidRPr="006350F3">
        <w:rPr>
          <w:rFonts w:ascii="Times New Roman" w:hAnsi="Times New Roman" w:cs="Times New Roman"/>
          <w:sz w:val="24"/>
          <w:szCs w:val="24"/>
        </w:rPr>
        <w:t>:</w:t>
      </w:r>
      <w:r w:rsidR="00C26EB0" w:rsidRPr="00C26EB0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C26EB0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воспитывать усидчивость, аккуратность</w:t>
      </w:r>
      <w:r w:rsidR="00C26EB0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</w:p>
    <w:p w:rsidR="006350F3" w:rsidRPr="006350F3" w:rsidRDefault="006350F3" w:rsidP="006350F3">
      <w:pPr>
        <w:spacing w:line="240" w:lineRule="auto"/>
        <w:rPr>
          <w:rFonts w:ascii="Times New Roman" w:hAnsi="Times New Roman" w:cs="Times New Roman"/>
          <w:sz w:val="24"/>
          <w:szCs w:val="24"/>
        </w:rPr>
      </w:pPr>
    </w:p>
    <w:p w:rsidR="00393183" w:rsidRDefault="00393183" w:rsidP="0039318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</w:p>
    <w:p w:rsidR="006350F3" w:rsidRPr="00891839" w:rsidRDefault="00891839" w:rsidP="00891839">
      <w:pPr>
        <w:spacing w:after="0" w:line="240" w:lineRule="auto"/>
        <w:ind w:left="720"/>
        <w:jc w:val="center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3.</w:t>
      </w:r>
      <w:r w:rsidR="006350F3" w:rsidRPr="00891839">
        <w:rPr>
          <w:rFonts w:ascii="Times New Roman" w:hAnsi="Times New Roman" w:cs="Times New Roman"/>
          <w:b/>
          <w:sz w:val="24"/>
          <w:szCs w:val="24"/>
        </w:rPr>
        <w:t>Отличительные особенности данной дополнительной общеразвивающей программы от уже существующих образовательных программ</w:t>
      </w:r>
      <w:r w:rsidR="00252A06" w:rsidRPr="00891839">
        <w:rPr>
          <w:rFonts w:ascii="Times New Roman" w:hAnsi="Times New Roman" w:cs="Times New Roman"/>
          <w:b/>
          <w:sz w:val="24"/>
          <w:szCs w:val="24"/>
        </w:rPr>
        <w:t>,</w:t>
      </w:r>
    </w:p>
    <w:p w:rsidR="00252A06" w:rsidRPr="00252A06" w:rsidRDefault="00252A06" w:rsidP="00252A06">
      <w:pPr>
        <w:widowControl w:val="0"/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sz w:val="24"/>
          <w:szCs w:val="24"/>
        </w:rPr>
      </w:pPr>
      <w:r w:rsidRPr="00252A06">
        <w:rPr>
          <w:rFonts w:ascii="Times New Roman" w:hAnsi="Times New Roman"/>
          <w:sz w:val="24"/>
          <w:szCs w:val="24"/>
        </w:rPr>
        <w:t xml:space="preserve"> заключается в </w:t>
      </w:r>
      <w:r>
        <w:rPr>
          <w:rFonts w:ascii="Times New Roman" w:hAnsi="Times New Roman"/>
          <w:sz w:val="24"/>
          <w:szCs w:val="24"/>
        </w:rPr>
        <w:t>том, что выявляются и развиваются  художественные  таланты</w:t>
      </w:r>
      <w:r w:rsidRPr="00252A06">
        <w:rPr>
          <w:rFonts w:ascii="Times New Roman" w:hAnsi="Times New Roman"/>
          <w:sz w:val="24"/>
          <w:szCs w:val="24"/>
        </w:rPr>
        <w:t xml:space="preserve"> </w:t>
      </w:r>
      <w:r>
        <w:rPr>
          <w:rFonts w:ascii="Times New Roman" w:hAnsi="Times New Roman"/>
          <w:sz w:val="24"/>
          <w:szCs w:val="24"/>
        </w:rPr>
        <w:t>личности, а так же  организуется досуг</w:t>
      </w:r>
      <w:r w:rsidRPr="00252A06">
        <w:rPr>
          <w:rFonts w:ascii="Times New Roman" w:hAnsi="Times New Roman"/>
          <w:sz w:val="24"/>
          <w:szCs w:val="24"/>
        </w:rPr>
        <w:t xml:space="preserve"> и увеличение занятости детей в свободное время.</w:t>
      </w:r>
    </w:p>
    <w:p w:rsidR="00252A06" w:rsidRPr="00252A06" w:rsidRDefault="00252A06" w:rsidP="00252A06">
      <w:pPr>
        <w:pStyle w:val="a8"/>
        <w:widowControl w:val="0"/>
        <w:autoSpaceDE w:val="0"/>
        <w:autoSpaceDN w:val="0"/>
        <w:adjustRightInd w:val="0"/>
        <w:spacing w:after="0" w:line="240" w:lineRule="auto"/>
        <w:ind w:left="142"/>
        <w:jc w:val="both"/>
        <w:rPr>
          <w:rFonts w:ascii="Times New Roman" w:hAnsi="Times New Roman"/>
          <w:color w:val="000000"/>
          <w:sz w:val="24"/>
          <w:szCs w:val="24"/>
        </w:rPr>
      </w:pPr>
      <w:r w:rsidRPr="00252A06">
        <w:rPr>
          <w:rFonts w:ascii="Times New Roman" w:hAnsi="Times New Roman"/>
          <w:sz w:val="24"/>
          <w:szCs w:val="24"/>
        </w:rPr>
        <w:tab/>
        <w:t xml:space="preserve">В программу включены нетрадиционные </w:t>
      </w:r>
      <w:r>
        <w:rPr>
          <w:rFonts w:ascii="Times New Roman" w:hAnsi="Times New Roman"/>
          <w:sz w:val="24"/>
          <w:szCs w:val="24"/>
        </w:rPr>
        <w:t>и комбинированные виды конструирования</w:t>
      </w:r>
      <w:r w:rsidRPr="00252A06">
        <w:rPr>
          <w:rFonts w:ascii="Times New Roman" w:hAnsi="Times New Roman"/>
          <w:sz w:val="24"/>
          <w:szCs w:val="24"/>
        </w:rPr>
        <w:t>, программа ежегодно совершенствуется, расширяется тематика, углубляется содержание, обогащается современными игровыми приёмами. Программа выстроена по принципу концентрических возвращений к ос</w:t>
      </w:r>
      <w:r>
        <w:rPr>
          <w:rFonts w:ascii="Times New Roman" w:hAnsi="Times New Roman"/>
          <w:sz w:val="24"/>
          <w:szCs w:val="24"/>
        </w:rPr>
        <w:t>новам декоративно-прикладного творчества</w:t>
      </w:r>
      <w:r w:rsidRPr="00252A06">
        <w:rPr>
          <w:rFonts w:ascii="Times New Roman" w:hAnsi="Times New Roman"/>
          <w:sz w:val="24"/>
          <w:szCs w:val="24"/>
        </w:rPr>
        <w:t xml:space="preserve">: </w:t>
      </w:r>
      <w:r>
        <w:rPr>
          <w:rFonts w:ascii="Times New Roman" w:hAnsi="Times New Roman"/>
          <w:b/>
          <w:i/>
          <w:sz w:val="24"/>
          <w:szCs w:val="24"/>
        </w:rPr>
        <w:t>аппликация</w:t>
      </w:r>
      <w:r w:rsidRPr="00252A06">
        <w:rPr>
          <w:rFonts w:ascii="Times New Roman" w:hAnsi="Times New Roman"/>
          <w:b/>
          <w:i/>
          <w:sz w:val="24"/>
          <w:szCs w:val="24"/>
        </w:rPr>
        <w:t xml:space="preserve">, </w:t>
      </w:r>
      <w:r w:rsidR="00C33C52">
        <w:rPr>
          <w:rFonts w:ascii="Times New Roman" w:hAnsi="Times New Roman"/>
          <w:b/>
          <w:i/>
          <w:sz w:val="24"/>
          <w:szCs w:val="24"/>
        </w:rPr>
        <w:t>объемные поделки</w:t>
      </w:r>
      <w:r w:rsidRPr="00252A06">
        <w:rPr>
          <w:rFonts w:ascii="Times New Roman" w:hAnsi="Times New Roman"/>
          <w:sz w:val="24"/>
          <w:szCs w:val="24"/>
        </w:rPr>
        <w:t>,</w:t>
      </w:r>
      <w:r w:rsidR="00C33C52">
        <w:rPr>
          <w:rFonts w:ascii="Times New Roman" w:hAnsi="Times New Roman"/>
          <w:sz w:val="24"/>
          <w:szCs w:val="24"/>
        </w:rPr>
        <w:t xml:space="preserve"> </w:t>
      </w:r>
      <w:r w:rsidR="00C33C52">
        <w:rPr>
          <w:rFonts w:ascii="Times New Roman" w:hAnsi="Times New Roman"/>
          <w:b/>
          <w:i/>
          <w:sz w:val="24"/>
          <w:szCs w:val="24"/>
        </w:rPr>
        <w:t xml:space="preserve">оригами, </w:t>
      </w:r>
      <w:r w:rsidR="00C33C52">
        <w:rPr>
          <w:rFonts w:ascii="Times New Roman" w:hAnsi="Times New Roman"/>
          <w:sz w:val="24"/>
          <w:szCs w:val="24"/>
        </w:rPr>
        <w:t>и др.</w:t>
      </w:r>
    </w:p>
    <w:p w:rsidR="006350F3" w:rsidRPr="00252A06" w:rsidRDefault="00252A06" w:rsidP="00252A06">
      <w:pPr>
        <w:pStyle w:val="a8"/>
        <w:widowControl w:val="0"/>
        <w:autoSpaceDE w:val="0"/>
        <w:autoSpaceDN w:val="0"/>
        <w:adjustRightInd w:val="0"/>
        <w:spacing w:after="0" w:line="240" w:lineRule="auto"/>
        <w:ind w:left="142"/>
        <w:jc w:val="both"/>
        <w:rPr>
          <w:rFonts w:ascii="Times New Roman" w:hAnsi="Times New Roman"/>
          <w:sz w:val="24"/>
          <w:szCs w:val="24"/>
        </w:rPr>
      </w:pPr>
      <w:r w:rsidRPr="00252A06">
        <w:rPr>
          <w:rFonts w:ascii="Times New Roman" w:hAnsi="Times New Roman"/>
          <w:color w:val="000000"/>
          <w:sz w:val="24"/>
          <w:szCs w:val="24"/>
        </w:rPr>
        <w:t>На данном этапе обучения с</w:t>
      </w:r>
      <w:r w:rsidR="00C33C52">
        <w:rPr>
          <w:rFonts w:ascii="Times New Roman" w:hAnsi="Times New Roman"/>
          <w:color w:val="000000"/>
          <w:sz w:val="24"/>
          <w:szCs w:val="24"/>
        </w:rPr>
        <w:t>ледует закрепление практических</w:t>
      </w:r>
      <w:r w:rsidRPr="00252A06">
        <w:rPr>
          <w:rFonts w:ascii="Times New Roman" w:hAnsi="Times New Roman"/>
          <w:color w:val="000000"/>
          <w:sz w:val="24"/>
          <w:szCs w:val="24"/>
        </w:rPr>
        <w:t xml:space="preserve"> знаний и совершенствование приобретённы</w:t>
      </w:r>
      <w:r w:rsidR="00C33C52">
        <w:rPr>
          <w:rFonts w:ascii="Times New Roman" w:hAnsi="Times New Roman"/>
          <w:color w:val="000000"/>
          <w:sz w:val="24"/>
          <w:szCs w:val="24"/>
        </w:rPr>
        <w:t>х умений и навыков. О</w:t>
      </w:r>
      <w:r w:rsidRPr="00252A06">
        <w:rPr>
          <w:rFonts w:ascii="Times New Roman" w:hAnsi="Times New Roman"/>
          <w:color w:val="000000"/>
          <w:sz w:val="24"/>
          <w:szCs w:val="24"/>
        </w:rPr>
        <w:t>собое внимание будет уделяться развитию творческой фантазии и художественно-изобразительным способностям детей, что особенно ценно</w:t>
      </w:r>
      <w:r w:rsidRPr="00252A06">
        <w:rPr>
          <w:rFonts w:ascii="Times New Roman" w:hAnsi="Times New Roman"/>
          <w:sz w:val="24"/>
          <w:szCs w:val="24"/>
        </w:rPr>
        <w:t xml:space="preserve"> при подготовке </w:t>
      </w:r>
      <w:r w:rsidRPr="00252A06">
        <w:rPr>
          <w:rFonts w:ascii="Times New Roman" w:hAnsi="Times New Roman"/>
          <w:color w:val="000000"/>
          <w:sz w:val="24"/>
          <w:szCs w:val="24"/>
        </w:rPr>
        <w:t>к различным конкурсам и выставкам работ.</w:t>
      </w:r>
    </w:p>
    <w:p w:rsidR="006350F3" w:rsidRPr="006350F3" w:rsidRDefault="00891839" w:rsidP="006350F3">
      <w:pPr>
        <w:ind w:left="720"/>
        <w:jc w:val="center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lastRenderedPageBreak/>
        <w:t>4.</w:t>
      </w:r>
      <w:r w:rsidR="006350F3" w:rsidRPr="006350F3">
        <w:rPr>
          <w:rFonts w:ascii="Times New Roman" w:hAnsi="Times New Roman" w:cs="Times New Roman"/>
          <w:b/>
          <w:sz w:val="24"/>
          <w:szCs w:val="24"/>
        </w:rPr>
        <w:t xml:space="preserve"> Возраст учащихся, участвующих в реализации данной дополнительной общеразвивающей программы</w:t>
      </w:r>
    </w:p>
    <w:p w:rsidR="006350F3" w:rsidRDefault="006350F3" w:rsidP="006350F3">
      <w:pPr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6350F3">
        <w:rPr>
          <w:rFonts w:ascii="Times New Roman" w:hAnsi="Times New Roman" w:cs="Times New Roman"/>
          <w:sz w:val="24"/>
          <w:szCs w:val="24"/>
        </w:rPr>
        <w:t>Возраст учащихся - 6-</w:t>
      </w:r>
      <w:r>
        <w:rPr>
          <w:rFonts w:ascii="Times New Roman" w:hAnsi="Times New Roman" w:cs="Times New Roman"/>
          <w:sz w:val="24"/>
          <w:szCs w:val="24"/>
        </w:rPr>
        <w:t>8</w:t>
      </w:r>
      <w:r w:rsidRPr="006350F3">
        <w:rPr>
          <w:rFonts w:ascii="Times New Roman" w:hAnsi="Times New Roman" w:cs="Times New Roman"/>
          <w:sz w:val="24"/>
          <w:szCs w:val="24"/>
        </w:rPr>
        <w:t xml:space="preserve"> лет. Набор в группы проводится по желанию и интересам учащихся (мальчики и девочки). Специальной подготовки не предусматривается, учитываются индивидуальные особенности каждог</w:t>
      </w:r>
      <w:r w:rsidR="00C33C52">
        <w:rPr>
          <w:rFonts w:ascii="Times New Roman" w:hAnsi="Times New Roman" w:cs="Times New Roman"/>
          <w:sz w:val="24"/>
          <w:szCs w:val="24"/>
        </w:rPr>
        <w:t xml:space="preserve">о учащегося.  Группа сформирована </w:t>
      </w:r>
      <w:r w:rsidRPr="006350F3">
        <w:rPr>
          <w:rFonts w:ascii="Times New Roman" w:hAnsi="Times New Roman" w:cs="Times New Roman"/>
          <w:sz w:val="24"/>
          <w:szCs w:val="24"/>
        </w:rPr>
        <w:t xml:space="preserve"> одного возраста. </w:t>
      </w:r>
    </w:p>
    <w:p w:rsidR="00F674E1" w:rsidRPr="006350F3" w:rsidRDefault="00F674E1" w:rsidP="00252A06">
      <w:pPr>
        <w:jc w:val="both"/>
        <w:rPr>
          <w:rFonts w:ascii="Times New Roman" w:hAnsi="Times New Roman" w:cs="Times New Roman"/>
          <w:sz w:val="24"/>
          <w:szCs w:val="24"/>
        </w:rPr>
      </w:pPr>
    </w:p>
    <w:p w:rsidR="006350F3" w:rsidRPr="00B123E9" w:rsidRDefault="00891839" w:rsidP="00891839">
      <w:pPr>
        <w:spacing w:after="0" w:line="240" w:lineRule="auto"/>
        <w:ind w:left="1277"/>
        <w:jc w:val="center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5. </w:t>
      </w:r>
      <w:r w:rsidR="006350F3" w:rsidRPr="00B123E9">
        <w:rPr>
          <w:rFonts w:ascii="Times New Roman" w:hAnsi="Times New Roman" w:cs="Times New Roman"/>
          <w:b/>
          <w:sz w:val="24"/>
          <w:szCs w:val="24"/>
        </w:rPr>
        <w:t>Сроки реализации данной дополнительной общеразвивающей программы (продолжительность образовательного процесса, этапы)</w:t>
      </w:r>
    </w:p>
    <w:p w:rsidR="00B123E9" w:rsidRDefault="00B123E9" w:rsidP="00B123E9">
      <w:pPr>
        <w:ind w:left="1080" w:hanging="372"/>
        <w:rPr>
          <w:rFonts w:ascii="Times New Roman" w:hAnsi="Times New Roman" w:cs="Times New Roman"/>
          <w:sz w:val="24"/>
          <w:szCs w:val="24"/>
        </w:rPr>
      </w:pPr>
    </w:p>
    <w:p w:rsidR="006350F3" w:rsidRDefault="006350F3" w:rsidP="00B123E9">
      <w:pPr>
        <w:rPr>
          <w:rFonts w:ascii="Times New Roman" w:hAnsi="Times New Roman" w:cs="Times New Roman"/>
          <w:sz w:val="24"/>
          <w:szCs w:val="24"/>
        </w:rPr>
      </w:pPr>
      <w:r w:rsidRPr="00B123E9">
        <w:rPr>
          <w:rFonts w:ascii="Times New Roman" w:hAnsi="Times New Roman" w:cs="Times New Roman"/>
          <w:sz w:val="24"/>
          <w:szCs w:val="24"/>
        </w:rPr>
        <w:t xml:space="preserve">Сроки реализации – </w:t>
      </w:r>
      <w:r w:rsidR="00B123E9">
        <w:rPr>
          <w:rFonts w:ascii="Times New Roman" w:hAnsi="Times New Roman" w:cs="Times New Roman"/>
          <w:sz w:val="24"/>
          <w:szCs w:val="24"/>
        </w:rPr>
        <w:t>1 год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802"/>
        <w:gridCol w:w="3543"/>
        <w:gridCol w:w="3119"/>
      </w:tblGrid>
      <w:tr w:rsidR="00B123E9" w:rsidRPr="00955941" w:rsidTr="00C52930">
        <w:tc>
          <w:tcPr>
            <w:tcW w:w="2802" w:type="dxa"/>
          </w:tcPr>
          <w:p w:rsidR="00B123E9" w:rsidRPr="00B123E9" w:rsidRDefault="00B123E9" w:rsidP="00C5293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</w:rPr>
              <w:t>Год обучения</w:t>
            </w:r>
          </w:p>
        </w:tc>
        <w:tc>
          <w:tcPr>
            <w:tcW w:w="3543" w:type="dxa"/>
          </w:tcPr>
          <w:p w:rsidR="00B123E9" w:rsidRPr="00B123E9" w:rsidRDefault="00B123E9" w:rsidP="00C5293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</w:rPr>
              <w:t>Количество часов в неделю</w:t>
            </w:r>
          </w:p>
        </w:tc>
        <w:tc>
          <w:tcPr>
            <w:tcW w:w="3119" w:type="dxa"/>
          </w:tcPr>
          <w:p w:rsidR="00B123E9" w:rsidRPr="00B123E9" w:rsidRDefault="00B123E9" w:rsidP="00C5293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</w:rPr>
              <w:t>Количество часов в год</w:t>
            </w:r>
          </w:p>
        </w:tc>
      </w:tr>
      <w:tr w:rsidR="00B123E9" w:rsidRPr="00955941" w:rsidTr="00C52930">
        <w:tc>
          <w:tcPr>
            <w:tcW w:w="2802" w:type="dxa"/>
          </w:tcPr>
          <w:p w:rsidR="00B123E9" w:rsidRPr="00B123E9" w:rsidRDefault="00B123E9" w:rsidP="00C52930">
            <w:pPr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I</w:t>
            </w:r>
          </w:p>
        </w:tc>
        <w:tc>
          <w:tcPr>
            <w:tcW w:w="3543" w:type="dxa"/>
          </w:tcPr>
          <w:p w:rsidR="00B123E9" w:rsidRPr="00B123E9" w:rsidRDefault="00B123E9" w:rsidP="00C5293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3119" w:type="dxa"/>
          </w:tcPr>
          <w:p w:rsidR="00B123E9" w:rsidRPr="00B123E9" w:rsidRDefault="00B123E9" w:rsidP="00C5293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2</w:t>
            </w:r>
          </w:p>
        </w:tc>
      </w:tr>
    </w:tbl>
    <w:p w:rsidR="006350F3" w:rsidRDefault="006350F3" w:rsidP="006350F3"/>
    <w:p w:rsidR="006350F3" w:rsidRPr="00891839" w:rsidRDefault="00891839" w:rsidP="00891839">
      <w:pPr>
        <w:spacing w:after="0" w:line="240" w:lineRule="auto"/>
        <w:ind w:left="3970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6. </w:t>
      </w:r>
      <w:r w:rsidR="006350F3" w:rsidRPr="00891839">
        <w:rPr>
          <w:rFonts w:ascii="Times New Roman" w:hAnsi="Times New Roman" w:cs="Times New Roman"/>
          <w:b/>
          <w:sz w:val="24"/>
          <w:szCs w:val="24"/>
        </w:rPr>
        <w:t>Формы и режим занятий</w:t>
      </w:r>
    </w:p>
    <w:p w:rsidR="00B123E9" w:rsidRDefault="00B123E9" w:rsidP="00B123E9">
      <w:pPr>
        <w:shd w:val="clear" w:color="auto" w:fill="FFFFFF"/>
        <w:spacing w:after="0" w:line="270" w:lineRule="atLeast"/>
        <w:ind w:firstLine="708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B123E9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Формы проведения занятий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: </w:t>
      </w:r>
      <w:r w:rsidRPr="00E417BE">
        <w:rPr>
          <w:rFonts w:ascii="Times New Roman" w:hAnsi="Times New Roman" w:cs="Times New Roman"/>
          <w:sz w:val="24"/>
          <w:szCs w:val="24"/>
        </w:rPr>
        <w:t>групповое, индивидуальное, творческое, всем составом</w:t>
      </w:r>
      <w:r>
        <w:rPr>
          <w:rFonts w:ascii="Times New Roman" w:hAnsi="Times New Roman" w:cs="Times New Roman"/>
          <w:sz w:val="24"/>
          <w:szCs w:val="24"/>
        </w:rPr>
        <w:t>, самостоятельная работа</w:t>
      </w:r>
      <w:r w:rsidRPr="00B123E9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 Предусмотрены как теоретические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занятия</w:t>
      </w:r>
      <w:r w:rsidRPr="00B123E9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-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Pr="00B123E9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рассказ педагога, беседы с детьми, рассказы детей, показ педагогом способа действия, показ образцов работ, так и в ходе которых дети под контролем педагога самостоятельно выполняют работу.</w:t>
      </w:r>
    </w:p>
    <w:p w:rsidR="00B123E9" w:rsidRPr="00B123E9" w:rsidRDefault="00B123E9" w:rsidP="00B123E9">
      <w:pPr>
        <w:shd w:val="clear" w:color="auto" w:fill="FFFFFF"/>
        <w:spacing w:after="0" w:line="270" w:lineRule="atLeast"/>
        <w:ind w:firstLine="708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</w:p>
    <w:tbl>
      <w:tblPr>
        <w:tblW w:w="9573" w:type="dxa"/>
        <w:tblInd w:w="-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667"/>
        <w:gridCol w:w="2302"/>
        <w:gridCol w:w="2302"/>
        <w:gridCol w:w="2302"/>
      </w:tblGrid>
      <w:tr w:rsidR="00B123E9" w:rsidRPr="00955941" w:rsidTr="00B123E9">
        <w:tc>
          <w:tcPr>
            <w:tcW w:w="2667" w:type="dxa"/>
            <w:shd w:val="clear" w:color="auto" w:fill="auto"/>
          </w:tcPr>
          <w:p w:rsidR="00B123E9" w:rsidRPr="00B123E9" w:rsidRDefault="00B123E9" w:rsidP="00B123E9">
            <w:pPr>
              <w:spacing w:line="240" w:lineRule="auto"/>
              <w:ind w:left="360"/>
              <w:rPr>
                <w:rFonts w:ascii="Times New Roman" w:hAnsi="Times New Roman" w:cs="Times New Roman"/>
                <w:sz w:val="24"/>
                <w:szCs w:val="24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</w:rPr>
              <w:t>Год обучения</w:t>
            </w:r>
          </w:p>
        </w:tc>
        <w:tc>
          <w:tcPr>
            <w:tcW w:w="2302" w:type="dxa"/>
            <w:shd w:val="clear" w:color="auto" w:fill="auto"/>
          </w:tcPr>
          <w:p w:rsidR="00B123E9" w:rsidRPr="00B123E9" w:rsidRDefault="00B123E9" w:rsidP="00B123E9">
            <w:pPr>
              <w:spacing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</w:rPr>
              <w:t>Продолжительность занятия</w:t>
            </w:r>
          </w:p>
        </w:tc>
        <w:tc>
          <w:tcPr>
            <w:tcW w:w="2302" w:type="dxa"/>
            <w:shd w:val="clear" w:color="auto" w:fill="auto"/>
          </w:tcPr>
          <w:p w:rsidR="00B123E9" w:rsidRPr="00B123E9" w:rsidRDefault="00B123E9" w:rsidP="00B123E9">
            <w:pPr>
              <w:spacing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</w:rPr>
              <w:t>Периодичность в неделю</w:t>
            </w:r>
          </w:p>
        </w:tc>
        <w:tc>
          <w:tcPr>
            <w:tcW w:w="2302" w:type="dxa"/>
            <w:shd w:val="clear" w:color="auto" w:fill="auto"/>
          </w:tcPr>
          <w:p w:rsidR="00B123E9" w:rsidRPr="00B123E9" w:rsidRDefault="00B123E9" w:rsidP="00B123E9">
            <w:pPr>
              <w:spacing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</w:rPr>
              <w:t>Количество часов в неделю</w:t>
            </w:r>
          </w:p>
        </w:tc>
      </w:tr>
      <w:tr w:rsidR="00B123E9" w:rsidRPr="00955941" w:rsidTr="00B123E9">
        <w:tc>
          <w:tcPr>
            <w:tcW w:w="2667" w:type="dxa"/>
            <w:shd w:val="clear" w:color="auto" w:fill="auto"/>
          </w:tcPr>
          <w:p w:rsidR="00B123E9" w:rsidRPr="00B123E9" w:rsidRDefault="00B123E9" w:rsidP="00B123E9">
            <w:pPr>
              <w:spacing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I</w:t>
            </w:r>
          </w:p>
        </w:tc>
        <w:tc>
          <w:tcPr>
            <w:tcW w:w="2302" w:type="dxa"/>
            <w:shd w:val="clear" w:color="auto" w:fill="auto"/>
          </w:tcPr>
          <w:p w:rsidR="00B123E9" w:rsidRPr="00B123E9" w:rsidRDefault="00B123E9" w:rsidP="00B123E9">
            <w:pPr>
              <w:spacing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B123E9">
              <w:rPr>
                <w:rFonts w:ascii="Times New Roman" w:hAnsi="Times New Roman" w:cs="Times New Roman"/>
                <w:sz w:val="24"/>
                <w:szCs w:val="24"/>
              </w:rPr>
              <w:t>45 мин.</w:t>
            </w:r>
          </w:p>
        </w:tc>
        <w:tc>
          <w:tcPr>
            <w:tcW w:w="2302" w:type="dxa"/>
            <w:shd w:val="clear" w:color="auto" w:fill="auto"/>
          </w:tcPr>
          <w:p w:rsidR="00B123E9" w:rsidRPr="00B123E9" w:rsidRDefault="00F674E1" w:rsidP="00B123E9">
            <w:pPr>
              <w:spacing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302" w:type="dxa"/>
            <w:shd w:val="clear" w:color="auto" w:fill="auto"/>
          </w:tcPr>
          <w:p w:rsidR="00B123E9" w:rsidRPr="00B123E9" w:rsidRDefault="00B123E9" w:rsidP="00B123E9">
            <w:pPr>
              <w:spacing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</w:tr>
    </w:tbl>
    <w:p w:rsidR="00B123E9" w:rsidRPr="00B123E9" w:rsidRDefault="00B123E9" w:rsidP="006350F3">
      <w:pPr>
        <w:rPr>
          <w:rFonts w:ascii="Times New Roman" w:hAnsi="Times New Roman" w:cs="Times New Roman"/>
          <w:sz w:val="24"/>
          <w:szCs w:val="24"/>
        </w:rPr>
      </w:pPr>
    </w:p>
    <w:p w:rsidR="00B123E9" w:rsidRPr="00B123E9" w:rsidRDefault="00B123E9" w:rsidP="00891839">
      <w:pPr>
        <w:pStyle w:val="a8"/>
        <w:numPr>
          <w:ilvl w:val="0"/>
          <w:numId w:val="39"/>
        </w:numPr>
        <w:spacing w:after="0" w:line="240" w:lineRule="auto"/>
        <w:rPr>
          <w:rFonts w:ascii="Times New Roman" w:hAnsi="Times New Roman" w:cs="Times New Roman"/>
          <w:i/>
          <w:sz w:val="24"/>
          <w:szCs w:val="24"/>
          <w:highlight w:val="yellow"/>
        </w:rPr>
      </w:pPr>
      <w:r w:rsidRPr="00497933">
        <w:rPr>
          <w:rFonts w:ascii="Times New Roman" w:hAnsi="Times New Roman" w:cs="Times New Roman"/>
          <w:b/>
          <w:sz w:val="24"/>
          <w:szCs w:val="24"/>
        </w:rPr>
        <w:t>Ожидаемые результаты и с</w:t>
      </w:r>
      <w:r w:rsidR="005B6378">
        <w:rPr>
          <w:rFonts w:ascii="Times New Roman" w:hAnsi="Times New Roman" w:cs="Times New Roman"/>
          <w:b/>
          <w:sz w:val="24"/>
          <w:szCs w:val="24"/>
        </w:rPr>
        <w:t>пособы их результативности</w:t>
      </w:r>
      <w:r w:rsidR="00497933">
        <w:rPr>
          <w:rFonts w:ascii="Times New Roman" w:hAnsi="Times New Roman" w:cs="Times New Roman"/>
          <w:b/>
          <w:sz w:val="24"/>
          <w:szCs w:val="24"/>
        </w:rPr>
        <w:t>.</w:t>
      </w:r>
    </w:p>
    <w:p w:rsidR="00497933" w:rsidRDefault="000D6FEA" w:rsidP="00497933">
      <w:pPr>
        <w:spacing w:after="0" w:line="240" w:lineRule="auto"/>
        <w:rPr>
          <w:rFonts w:ascii="Times New Roman" w:hAnsi="Times New Roman" w:cs="Times New Roman"/>
          <w:sz w:val="24"/>
          <w:szCs w:val="24"/>
          <w:u w:val="single"/>
        </w:rPr>
      </w:pPr>
      <w:r>
        <w:rPr>
          <w:rFonts w:ascii="Times New Roman" w:hAnsi="Times New Roman" w:cs="Times New Roman"/>
          <w:sz w:val="24"/>
          <w:szCs w:val="24"/>
          <w:u w:val="single"/>
        </w:rPr>
        <w:t xml:space="preserve">К концу </w:t>
      </w:r>
      <w:r w:rsidR="00B123E9" w:rsidRPr="00497933">
        <w:rPr>
          <w:rFonts w:ascii="Times New Roman" w:hAnsi="Times New Roman" w:cs="Times New Roman"/>
          <w:sz w:val="24"/>
          <w:szCs w:val="24"/>
          <w:u w:val="single"/>
        </w:rPr>
        <w:t xml:space="preserve"> года обучения учащиеся будут знать:</w:t>
      </w:r>
    </w:p>
    <w:p w:rsidR="00497933" w:rsidRPr="00030929" w:rsidRDefault="00497933" w:rsidP="00497933">
      <w:pPr>
        <w:spacing w:after="0" w:line="240" w:lineRule="auto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  <w:u w:val="single"/>
        </w:rPr>
        <w:t>-</w:t>
      </w:r>
      <w:r w:rsidRPr="00030929">
        <w:rPr>
          <w:rFonts w:ascii="Times New Roman" w:hAnsi="Times New Roman"/>
          <w:sz w:val="24"/>
          <w:szCs w:val="24"/>
        </w:rPr>
        <w:t>отличительные особенности основных видов и жанров изобразительного искусства;</w:t>
      </w:r>
    </w:p>
    <w:p w:rsidR="00B123E9" w:rsidRPr="00B123E9" w:rsidRDefault="00497933" w:rsidP="000D6FEA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highlight w:val="yellow"/>
          <w:u w:val="single"/>
        </w:rPr>
      </w:pPr>
      <w:r>
        <w:rPr>
          <w:rFonts w:ascii="Times New Roman" w:hAnsi="Times New Roman"/>
          <w:sz w:val="24"/>
          <w:szCs w:val="24"/>
        </w:rPr>
        <w:t>-</w:t>
      </w:r>
      <w:r w:rsidR="000D6FEA">
        <w:rPr>
          <w:rFonts w:ascii="Times New Roman" w:hAnsi="Times New Roman"/>
          <w:sz w:val="24"/>
          <w:szCs w:val="24"/>
        </w:rPr>
        <w:t>ведущие элементы конструктивной</w:t>
      </w:r>
      <w:r>
        <w:rPr>
          <w:rFonts w:ascii="Times New Roman" w:hAnsi="Times New Roman"/>
          <w:sz w:val="24"/>
          <w:szCs w:val="24"/>
        </w:rPr>
        <w:t xml:space="preserve"> грамоты: линия, сгиб,</w:t>
      </w:r>
      <w:r w:rsidR="000D6FEA">
        <w:rPr>
          <w:rFonts w:ascii="Times New Roman" w:hAnsi="Times New Roman"/>
          <w:sz w:val="24"/>
          <w:szCs w:val="24"/>
        </w:rPr>
        <w:t xml:space="preserve"> складывание, сминание.</w:t>
      </w:r>
      <w:r w:rsidR="000D6FEA" w:rsidRPr="00B123E9">
        <w:rPr>
          <w:rFonts w:ascii="Times New Roman" w:hAnsi="Times New Roman" w:cs="Times New Roman"/>
          <w:sz w:val="24"/>
          <w:szCs w:val="24"/>
          <w:highlight w:val="yellow"/>
          <w:u w:val="single"/>
        </w:rPr>
        <w:t xml:space="preserve"> </w:t>
      </w:r>
    </w:p>
    <w:p w:rsidR="000D6FEA" w:rsidRDefault="000D6FEA" w:rsidP="000D6FEA">
      <w:pPr>
        <w:spacing w:after="0" w:line="240" w:lineRule="auto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  <w:u w:val="single"/>
        </w:rPr>
        <w:t xml:space="preserve">К концу </w:t>
      </w:r>
      <w:r w:rsidR="00B123E9" w:rsidRPr="000D6FEA">
        <w:rPr>
          <w:rFonts w:ascii="Times New Roman" w:hAnsi="Times New Roman" w:cs="Times New Roman"/>
          <w:sz w:val="24"/>
          <w:szCs w:val="24"/>
          <w:u w:val="single"/>
        </w:rPr>
        <w:t xml:space="preserve"> года обучения учащиеся будут уметь</w:t>
      </w:r>
      <w:r w:rsidR="00B123E9" w:rsidRPr="000D6FEA">
        <w:rPr>
          <w:rFonts w:ascii="Times New Roman" w:hAnsi="Times New Roman" w:cs="Times New Roman"/>
          <w:sz w:val="24"/>
          <w:szCs w:val="24"/>
        </w:rPr>
        <w:t>:</w:t>
      </w:r>
      <w:r w:rsidRPr="000D6FEA">
        <w:rPr>
          <w:rFonts w:ascii="Times New Roman" w:hAnsi="Times New Roman"/>
          <w:sz w:val="24"/>
          <w:szCs w:val="24"/>
        </w:rPr>
        <w:t xml:space="preserve"> </w:t>
      </w:r>
    </w:p>
    <w:p w:rsidR="000D6FEA" w:rsidRPr="00030929" w:rsidRDefault="000D6FEA" w:rsidP="000D6FEA">
      <w:pPr>
        <w:spacing w:after="0" w:line="240" w:lineRule="auto"/>
        <w:rPr>
          <w:rFonts w:ascii="Times New Roman" w:hAnsi="Times New Roman"/>
          <w:sz w:val="24"/>
          <w:szCs w:val="24"/>
        </w:rPr>
      </w:pPr>
      <w:r w:rsidRPr="000D6FEA">
        <w:rPr>
          <w:rFonts w:ascii="Times New Roman" w:hAnsi="Times New Roman"/>
          <w:sz w:val="24"/>
          <w:szCs w:val="24"/>
        </w:rPr>
        <w:t>-</w:t>
      </w:r>
      <w:r w:rsidRPr="00030929">
        <w:rPr>
          <w:rFonts w:ascii="Times New Roman" w:hAnsi="Times New Roman"/>
          <w:sz w:val="24"/>
          <w:szCs w:val="24"/>
        </w:rPr>
        <w:t>передавать на бумаге форму и объём предметов, настроение в работе;</w:t>
      </w:r>
    </w:p>
    <w:p w:rsidR="000D6FEA" w:rsidRPr="00030929" w:rsidRDefault="000D6FEA" w:rsidP="000D6FEA">
      <w:pPr>
        <w:spacing w:after="0" w:line="240" w:lineRule="auto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-понимать, что такое: оригами, аппликация, объемная поделка, плоская поделка.</w:t>
      </w:r>
    </w:p>
    <w:p w:rsidR="004336E5" w:rsidRDefault="000D6FEA" w:rsidP="000D6FEA">
      <w:pPr>
        <w:pStyle w:val="Default"/>
      </w:pPr>
      <w:r>
        <w:t>-  различать материалы.</w:t>
      </w:r>
    </w:p>
    <w:p w:rsidR="000D6FEA" w:rsidRPr="000D6FEA" w:rsidRDefault="000D6FEA" w:rsidP="000D6FEA">
      <w:pPr>
        <w:pStyle w:val="Default"/>
      </w:pPr>
    </w:p>
    <w:p w:rsidR="004336E5" w:rsidRPr="000539A2" w:rsidRDefault="000D6FEA" w:rsidP="004336E5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В результате обучения данной программы,</w:t>
      </w:r>
      <w:r w:rsidR="004336E5" w:rsidRPr="000D6FEA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предполагается 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о</w:t>
      </w:r>
      <w:r w:rsidR="004336E5" w:rsidRPr="000D6FEA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владение детьми определенными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знаниями, умениями, навыками. В</w:t>
      </w:r>
      <w:r w:rsidR="004336E5" w:rsidRPr="000D6FEA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ыявление и осознание ребенком своих способност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ей, формирование </w:t>
      </w:r>
      <w:r w:rsidR="004336E5" w:rsidRPr="000D6FEA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специальных умений, развитие внимания, памяти, мышления, пространственного воображения, мелкой моторики рук и глазомера; художественного вкуса, творческих способностей и фантазии; овладение навыками культуры труда, улучшение своих коммуникативных способностей и приобретение навыков работы в коллективе.</w:t>
      </w:r>
      <w:r w:rsidR="004336E5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   </w:t>
      </w:r>
    </w:p>
    <w:p w:rsidR="005B6378" w:rsidRDefault="005B6378" w:rsidP="005B6378">
      <w:pPr>
        <w:pStyle w:val="a8"/>
        <w:tabs>
          <w:tab w:val="left" w:pos="6165"/>
        </w:tabs>
        <w:rPr>
          <w:rFonts w:ascii="Times New Roman" w:hAnsi="Times New Roman"/>
          <w:b/>
          <w:bCs/>
          <w:color w:val="000000"/>
          <w:sz w:val="24"/>
          <w:szCs w:val="24"/>
          <w:u w:val="single"/>
        </w:rPr>
      </w:pPr>
      <w:r w:rsidRPr="000D6FEA">
        <w:rPr>
          <w:rFonts w:ascii="Times New Roman" w:hAnsi="Times New Roman"/>
          <w:b/>
          <w:bCs/>
          <w:color w:val="000000"/>
          <w:sz w:val="24"/>
          <w:szCs w:val="24"/>
          <w:u w:val="single"/>
        </w:rPr>
        <w:lastRenderedPageBreak/>
        <w:t>Критерии оценивания:</w:t>
      </w:r>
    </w:p>
    <w:p w:rsidR="005B6378" w:rsidRPr="000D6FEA" w:rsidRDefault="005B6378" w:rsidP="005B6378">
      <w:pPr>
        <w:pStyle w:val="a8"/>
        <w:tabs>
          <w:tab w:val="left" w:pos="6165"/>
        </w:tabs>
        <w:ind w:left="0"/>
        <w:rPr>
          <w:rFonts w:ascii="Times New Roman" w:hAnsi="Times New Roman" w:cs="Times New Roman"/>
          <w:b/>
          <w:sz w:val="24"/>
          <w:szCs w:val="24"/>
        </w:rPr>
      </w:pPr>
      <w:r w:rsidRPr="000D6FEA">
        <w:rPr>
          <w:rFonts w:ascii="Times New Roman" w:hAnsi="Times New Roman"/>
          <w:b/>
          <w:bCs/>
          <w:color w:val="000000"/>
          <w:sz w:val="24"/>
          <w:szCs w:val="24"/>
        </w:rPr>
        <w:t xml:space="preserve">Высокий уровень </w:t>
      </w:r>
      <w:r w:rsidRPr="000D6FEA">
        <w:rPr>
          <w:rFonts w:ascii="Times New Roman" w:hAnsi="Times New Roman"/>
          <w:color w:val="000000"/>
          <w:sz w:val="24"/>
          <w:szCs w:val="24"/>
        </w:rPr>
        <w:t>- самостоятельный выбор нужного приема, изготовление усвоение способов деятельности по образцу. Высокий темп учебной деятельности, устойчивый интерес, потребность в творческих действиях.</w:t>
      </w:r>
    </w:p>
    <w:p w:rsidR="005B6378" w:rsidRPr="000D6FEA" w:rsidRDefault="005B6378" w:rsidP="005B6378">
      <w:pPr>
        <w:pStyle w:val="a8"/>
        <w:shd w:val="clear" w:color="auto" w:fill="FFFFFF"/>
        <w:spacing w:after="0" w:line="240" w:lineRule="auto"/>
        <w:ind w:left="0"/>
        <w:jc w:val="both"/>
        <w:rPr>
          <w:rFonts w:ascii="Times New Roman" w:hAnsi="Times New Roman"/>
          <w:color w:val="000000"/>
          <w:sz w:val="24"/>
          <w:szCs w:val="24"/>
        </w:rPr>
      </w:pPr>
      <w:r w:rsidRPr="000D6FEA">
        <w:rPr>
          <w:rFonts w:ascii="Times New Roman" w:hAnsi="Times New Roman"/>
          <w:b/>
          <w:bCs/>
          <w:color w:val="000000"/>
          <w:sz w:val="24"/>
          <w:szCs w:val="24"/>
        </w:rPr>
        <w:t xml:space="preserve">Средний уровень </w:t>
      </w:r>
      <w:r w:rsidRPr="000D6FEA">
        <w:rPr>
          <w:rFonts w:ascii="Times New Roman" w:hAnsi="Times New Roman"/>
          <w:color w:val="000000"/>
          <w:sz w:val="24"/>
          <w:szCs w:val="24"/>
        </w:rPr>
        <w:t>- выбор нужного приема с небольшой помощью педагога и самостоятельное применение по образцу. Средний темп учебной деятельности, неустойчивый интерес к ней.</w:t>
      </w:r>
    </w:p>
    <w:p w:rsidR="005B6378" w:rsidRPr="000D6FEA" w:rsidRDefault="005B6378" w:rsidP="005B6378">
      <w:pPr>
        <w:pStyle w:val="a8"/>
        <w:shd w:val="clear" w:color="auto" w:fill="FFFFFF"/>
        <w:spacing w:after="0" w:line="240" w:lineRule="auto"/>
        <w:ind w:left="0"/>
        <w:jc w:val="both"/>
        <w:rPr>
          <w:rFonts w:ascii="Times New Roman" w:hAnsi="Times New Roman"/>
          <w:color w:val="000000"/>
          <w:sz w:val="24"/>
          <w:szCs w:val="24"/>
        </w:rPr>
      </w:pPr>
      <w:r w:rsidRPr="000D6FEA">
        <w:rPr>
          <w:rFonts w:ascii="Times New Roman" w:hAnsi="Times New Roman"/>
          <w:b/>
          <w:bCs/>
          <w:color w:val="000000"/>
          <w:sz w:val="24"/>
          <w:szCs w:val="24"/>
        </w:rPr>
        <w:t xml:space="preserve">Низкий уровень </w:t>
      </w:r>
      <w:r w:rsidRPr="000D6FEA">
        <w:rPr>
          <w:rFonts w:ascii="Times New Roman" w:hAnsi="Times New Roman"/>
          <w:color w:val="000000"/>
          <w:sz w:val="24"/>
          <w:szCs w:val="24"/>
        </w:rPr>
        <w:t>- выбор нужного приема и применение его по образцу только с помощью педагога. Низкий темп учебной деятельности, отсутствие интереса к ней.</w:t>
      </w:r>
    </w:p>
    <w:p w:rsidR="005B6378" w:rsidRPr="000D6FEA" w:rsidRDefault="005B6378" w:rsidP="005B6378">
      <w:pPr>
        <w:pStyle w:val="a8"/>
        <w:spacing w:after="0" w:line="240" w:lineRule="auto"/>
        <w:ind w:left="0"/>
        <w:jc w:val="both"/>
        <w:rPr>
          <w:rFonts w:ascii="Times New Roman" w:hAnsi="Times New Roman"/>
          <w:b/>
          <w:sz w:val="24"/>
          <w:szCs w:val="24"/>
          <w:u w:val="single"/>
        </w:rPr>
      </w:pPr>
    </w:p>
    <w:p w:rsidR="00D923EB" w:rsidRPr="000539A2" w:rsidRDefault="00D923EB" w:rsidP="00B4230A">
      <w:pPr>
        <w:pStyle w:val="a3"/>
        <w:shd w:val="clear" w:color="auto" w:fill="FFFFFF"/>
        <w:spacing w:before="0" w:beforeAutospacing="0" w:after="0" w:afterAutospacing="0"/>
        <w:ind w:firstLine="300"/>
        <w:jc w:val="both"/>
        <w:rPr>
          <w:rFonts w:ascii="Arial" w:hAnsi="Arial" w:cs="Arial"/>
          <w:color w:val="000000"/>
        </w:rPr>
      </w:pPr>
    </w:p>
    <w:p w:rsidR="000D6FEA" w:rsidRPr="00891839" w:rsidRDefault="00B123E9" w:rsidP="00891839">
      <w:pPr>
        <w:pStyle w:val="a8"/>
        <w:numPr>
          <w:ilvl w:val="0"/>
          <w:numId w:val="39"/>
        </w:numPr>
        <w:tabs>
          <w:tab w:val="left" w:pos="6165"/>
        </w:tabs>
        <w:rPr>
          <w:rFonts w:ascii="Times New Roman" w:hAnsi="Times New Roman" w:cs="Times New Roman"/>
          <w:b/>
          <w:sz w:val="24"/>
          <w:szCs w:val="24"/>
        </w:rPr>
      </w:pPr>
      <w:r w:rsidRPr="00891839">
        <w:rPr>
          <w:rFonts w:ascii="Times New Roman" w:hAnsi="Times New Roman" w:cs="Times New Roman"/>
          <w:b/>
          <w:sz w:val="24"/>
          <w:szCs w:val="24"/>
        </w:rPr>
        <w:t>Формы подведения итогов реализации дополнительной общеразвивающей программы</w:t>
      </w:r>
      <w:r w:rsidR="000D6FEA" w:rsidRPr="00891839">
        <w:rPr>
          <w:rFonts w:ascii="Times New Roman" w:hAnsi="Times New Roman" w:cs="Times New Roman"/>
          <w:b/>
          <w:sz w:val="24"/>
          <w:szCs w:val="24"/>
        </w:rPr>
        <w:t>.</w:t>
      </w:r>
    </w:p>
    <w:p w:rsidR="000D6FEA" w:rsidRPr="005B6378" w:rsidRDefault="005B6378" w:rsidP="005B6378">
      <w:pPr>
        <w:spacing w:after="0" w:line="240" w:lineRule="auto"/>
        <w:ind w:left="360"/>
        <w:jc w:val="both"/>
        <w:rPr>
          <w:rFonts w:ascii="Times New Roman" w:hAnsi="Times New Roman"/>
          <w:sz w:val="24"/>
          <w:szCs w:val="24"/>
        </w:rPr>
      </w:pPr>
      <w:r w:rsidRPr="005B6378">
        <w:rPr>
          <w:rFonts w:ascii="Times New Roman" w:hAnsi="Times New Roman"/>
          <w:sz w:val="24"/>
          <w:szCs w:val="24"/>
        </w:rPr>
        <w:t xml:space="preserve"> </w:t>
      </w:r>
      <w:r w:rsidR="000D6FEA" w:rsidRPr="005B6378">
        <w:rPr>
          <w:rFonts w:ascii="Times New Roman" w:hAnsi="Times New Roman"/>
          <w:sz w:val="24"/>
          <w:szCs w:val="24"/>
        </w:rPr>
        <w:t>Наблюдение, опрос, тестирование,  анализ творческих работ, выставка.</w:t>
      </w:r>
    </w:p>
    <w:p w:rsidR="000D6FEA" w:rsidRPr="005B6378" w:rsidRDefault="000D6FEA" w:rsidP="005B6378">
      <w:pPr>
        <w:spacing w:after="0" w:line="240" w:lineRule="auto"/>
        <w:ind w:left="360"/>
        <w:jc w:val="both"/>
        <w:rPr>
          <w:rFonts w:ascii="Times New Roman" w:hAnsi="Times New Roman"/>
          <w:sz w:val="24"/>
          <w:szCs w:val="24"/>
        </w:rPr>
      </w:pPr>
    </w:p>
    <w:p w:rsidR="000D6FEA" w:rsidRPr="005B6378" w:rsidRDefault="000D6FEA" w:rsidP="005B6378">
      <w:pPr>
        <w:spacing w:after="0" w:line="240" w:lineRule="auto"/>
        <w:ind w:left="360"/>
        <w:jc w:val="center"/>
        <w:rPr>
          <w:rFonts w:ascii="Times New Roman" w:hAnsi="Times New Roman"/>
          <w:sz w:val="24"/>
          <w:szCs w:val="24"/>
        </w:rPr>
      </w:pPr>
    </w:p>
    <w:p w:rsidR="00D02DF0" w:rsidRDefault="00D02DF0" w:rsidP="005B6378">
      <w:pPr>
        <w:pStyle w:val="a5"/>
        <w:jc w:val="center"/>
        <w:rPr>
          <w:rFonts w:ascii="Times New Roman" w:hAnsi="Times New Roman"/>
          <w:b/>
          <w:sz w:val="24"/>
          <w:szCs w:val="24"/>
        </w:rPr>
      </w:pPr>
      <w:r w:rsidRPr="008318EC">
        <w:rPr>
          <w:rFonts w:ascii="Times New Roman" w:hAnsi="Times New Roman"/>
          <w:b/>
          <w:sz w:val="24"/>
          <w:szCs w:val="24"/>
        </w:rPr>
        <w:t>Учебно-тематический план</w:t>
      </w:r>
    </w:p>
    <w:p w:rsidR="00D02DF0" w:rsidRPr="008946B4" w:rsidRDefault="00D02DF0" w:rsidP="00D02DF0">
      <w:pPr>
        <w:pStyle w:val="a5"/>
        <w:jc w:val="both"/>
        <w:rPr>
          <w:rFonts w:ascii="Times New Roman" w:hAnsi="Times New Roman"/>
          <w:color w:val="333333"/>
          <w:sz w:val="24"/>
          <w:szCs w:val="24"/>
        </w:rPr>
      </w:pPr>
    </w:p>
    <w:tbl>
      <w:tblPr>
        <w:tblpPr w:leftFromText="180" w:rightFromText="180" w:vertAnchor="text" w:tblpY="1"/>
        <w:tblOverlap w:val="never"/>
        <w:tblW w:w="949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1021"/>
        <w:gridCol w:w="4644"/>
        <w:gridCol w:w="1276"/>
        <w:gridCol w:w="1233"/>
        <w:gridCol w:w="1319"/>
      </w:tblGrid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№</w:t>
            </w: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</w:t>
            </w: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п/п</w:t>
            </w:r>
          </w:p>
        </w:tc>
        <w:tc>
          <w:tcPr>
            <w:tcW w:w="4644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Тема</w:t>
            </w:r>
          </w:p>
        </w:tc>
        <w:tc>
          <w:tcPr>
            <w:tcW w:w="1276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Всего</w:t>
            </w: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</w:t>
            </w:r>
          </w:p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часов</w:t>
            </w:r>
          </w:p>
        </w:tc>
        <w:tc>
          <w:tcPr>
            <w:tcW w:w="1233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Теория</w:t>
            </w: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</w:t>
            </w:r>
          </w:p>
        </w:tc>
        <w:tc>
          <w:tcPr>
            <w:tcW w:w="1319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Практика</w:t>
            </w: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</w:t>
            </w:r>
          </w:p>
        </w:tc>
        <w:tc>
          <w:tcPr>
            <w:tcW w:w="464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«Давайте познакомимся». Техника безопасности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2</w:t>
            </w:r>
          </w:p>
        </w:tc>
        <w:tc>
          <w:tcPr>
            <w:tcW w:w="4644" w:type="dxa"/>
          </w:tcPr>
          <w:p w:rsidR="00D75182" w:rsidRPr="00D75182" w:rsidRDefault="005B6378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>Раздел 1</w:t>
            </w:r>
            <w:r>
              <w:rPr>
                <w:rFonts w:ascii="Times New Roman" w:hAnsi="Times New Roman"/>
                <w:sz w:val="24"/>
                <w:szCs w:val="24"/>
              </w:rPr>
              <w:t>.</w:t>
            </w:r>
            <w:r w:rsidR="00D75182" w:rsidRPr="00D75182">
              <w:rPr>
                <w:rFonts w:ascii="Times New Roman" w:hAnsi="Times New Roman"/>
                <w:sz w:val="24"/>
                <w:szCs w:val="24"/>
              </w:rPr>
              <w:t>Знакомство с бумажной пластикой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3</w:t>
            </w:r>
          </w:p>
        </w:tc>
        <w:tc>
          <w:tcPr>
            <w:tcW w:w="464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sz w:val="24"/>
                <w:szCs w:val="24"/>
              </w:rPr>
              <w:t>Оригами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6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5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4</w:t>
            </w:r>
          </w:p>
        </w:tc>
        <w:tc>
          <w:tcPr>
            <w:tcW w:w="464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sz w:val="24"/>
                <w:szCs w:val="24"/>
              </w:rPr>
              <w:t>Аппликация из цветной бумаги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9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8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5</w:t>
            </w:r>
          </w:p>
        </w:tc>
        <w:tc>
          <w:tcPr>
            <w:tcW w:w="4644" w:type="dxa"/>
          </w:tcPr>
          <w:p w:rsidR="00D75182" w:rsidRPr="00D75182" w:rsidRDefault="005B6378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>Раздел 2</w:t>
            </w:r>
            <w:r>
              <w:rPr>
                <w:rFonts w:ascii="Times New Roman" w:hAnsi="Times New Roman"/>
                <w:sz w:val="24"/>
                <w:szCs w:val="24"/>
              </w:rPr>
              <w:t>.</w:t>
            </w:r>
            <w:r w:rsidR="00D75182" w:rsidRPr="00D75182">
              <w:rPr>
                <w:rFonts w:ascii="Times New Roman" w:hAnsi="Times New Roman"/>
                <w:sz w:val="24"/>
                <w:szCs w:val="24"/>
              </w:rPr>
              <w:t>Работа из гофрированной бумаги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4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3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318EC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6</w:t>
            </w:r>
          </w:p>
        </w:tc>
        <w:tc>
          <w:tcPr>
            <w:tcW w:w="4644" w:type="dxa"/>
          </w:tcPr>
          <w:p w:rsidR="00D75182" w:rsidRPr="00D75182" w:rsidRDefault="005B6378" w:rsidP="005B6378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 xml:space="preserve">Раздел 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 xml:space="preserve">3. </w:t>
            </w:r>
            <w:r w:rsidR="00D75182" w:rsidRPr="00D75182">
              <w:rPr>
                <w:rFonts w:ascii="Times New Roman" w:hAnsi="Times New Roman"/>
                <w:sz w:val="24"/>
                <w:szCs w:val="24"/>
              </w:rPr>
              <w:t>Работа с картоном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9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8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318EC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7</w:t>
            </w:r>
          </w:p>
        </w:tc>
        <w:tc>
          <w:tcPr>
            <w:tcW w:w="464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sz w:val="24"/>
                <w:szCs w:val="24"/>
              </w:rPr>
              <w:t>Торцевание из бумаги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2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9</w:t>
            </w:r>
          </w:p>
        </w:tc>
        <w:tc>
          <w:tcPr>
            <w:tcW w:w="4644" w:type="dxa"/>
          </w:tcPr>
          <w:p w:rsidR="00D75182" w:rsidRPr="00D75182" w:rsidRDefault="005B6378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 xml:space="preserve">Раздел 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 xml:space="preserve">4. </w:t>
            </w:r>
            <w:r w:rsidR="00D75182" w:rsidRPr="00D75182">
              <w:rPr>
                <w:rFonts w:ascii="Times New Roman" w:hAnsi="Times New Roman"/>
                <w:sz w:val="24"/>
                <w:szCs w:val="24"/>
              </w:rPr>
              <w:t>Объемные поделки из бумаги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4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3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318EC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0</w:t>
            </w:r>
          </w:p>
        </w:tc>
        <w:tc>
          <w:tcPr>
            <w:tcW w:w="464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sz w:val="24"/>
                <w:szCs w:val="24"/>
              </w:rPr>
              <w:t>Поделки из салфеток и фольги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0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9</w:t>
            </w:r>
          </w:p>
        </w:tc>
      </w:tr>
      <w:tr w:rsidR="00D75182" w:rsidRPr="008946B4" w:rsidTr="00D75182">
        <w:trPr>
          <w:trHeight w:val="276"/>
        </w:trPr>
        <w:tc>
          <w:tcPr>
            <w:tcW w:w="1021" w:type="dxa"/>
          </w:tcPr>
          <w:p w:rsidR="00D75182" w:rsidRPr="008318EC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318EC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1</w:t>
            </w:r>
          </w:p>
        </w:tc>
        <w:tc>
          <w:tcPr>
            <w:tcW w:w="4644" w:type="dxa"/>
          </w:tcPr>
          <w:p w:rsidR="00D75182" w:rsidRPr="00D75182" w:rsidRDefault="005B6378" w:rsidP="005B6378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 xml:space="preserve">Раздел 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 xml:space="preserve">5. </w:t>
            </w:r>
            <w:r>
              <w:rPr>
                <w:rFonts w:ascii="Times New Roman" w:hAnsi="Times New Roman"/>
                <w:sz w:val="24"/>
                <w:szCs w:val="24"/>
              </w:rPr>
              <w:t>З</w:t>
            </w:r>
            <w:r w:rsidR="00D75182" w:rsidRPr="00D75182">
              <w:rPr>
                <w:rFonts w:ascii="Times New Roman" w:hAnsi="Times New Roman"/>
                <w:sz w:val="24"/>
                <w:szCs w:val="24"/>
              </w:rPr>
              <w:t xml:space="preserve">накомство с </w:t>
            </w:r>
            <w:proofErr w:type="spellStart"/>
            <w:r w:rsidR="00D75182" w:rsidRPr="00D75182">
              <w:rPr>
                <w:rFonts w:ascii="Times New Roman" w:hAnsi="Times New Roman"/>
                <w:sz w:val="24"/>
                <w:szCs w:val="24"/>
              </w:rPr>
              <w:t>пластелинографией</w:t>
            </w:r>
            <w:proofErr w:type="spellEnd"/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7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6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2</w:t>
            </w:r>
          </w:p>
        </w:tc>
        <w:tc>
          <w:tcPr>
            <w:tcW w:w="4644" w:type="dxa"/>
          </w:tcPr>
          <w:p w:rsidR="00D75182" w:rsidRPr="00D75182" w:rsidRDefault="005B6378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>Раздел 6.</w:t>
            </w:r>
            <w:r>
              <w:rPr>
                <w:rFonts w:ascii="Times New Roman" w:hAnsi="Times New Roman"/>
                <w:sz w:val="24"/>
                <w:szCs w:val="24"/>
              </w:rPr>
              <w:t xml:space="preserve"> </w:t>
            </w:r>
            <w:r w:rsidR="00D75182" w:rsidRPr="00D75182">
              <w:rPr>
                <w:rFonts w:ascii="Times New Roman" w:hAnsi="Times New Roman"/>
                <w:sz w:val="24"/>
                <w:szCs w:val="24"/>
              </w:rPr>
              <w:t>Работы из бросового материала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8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7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3</w:t>
            </w:r>
          </w:p>
        </w:tc>
        <w:tc>
          <w:tcPr>
            <w:tcW w:w="464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Итоговое занятие</w:t>
            </w:r>
          </w:p>
        </w:tc>
        <w:tc>
          <w:tcPr>
            <w:tcW w:w="1276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23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319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</w:tr>
      <w:tr w:rsidR="00D75182" w:rsidRPr="008946B4" w:rsidTr="00D75182">
        <w:tc>
          <w:tcPr>
            <w:tcW w:w="102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</w:p>
        </w:tc>
        <w:tc>
          <w:tcPr>
            <w:tcW w:w="4644" w:type="dxa"/>
          </w:tcPr>
          <w:p w:rsidR="00D75182" w:rsidRPr="00544D50" w:rsidRDefault="00D75182" w:rsidP="00D75182">
            <w:pPr>
              <w:pStyle w:val="a5"/>
              <w:jc w:val="right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Итого:</w:t>
            </w:r>
          </w:p>
        </w:tc>
        <w:tc>
          <w:tcPr>
            <w:tcW w:w="1276" w:type="dxa"/>
          </w:tcPr>
          <w:p w:rsidR="00D75182" w:rsidRDefault="00F674E1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72</w:t>
            </w:r>
          </w:p>
        </w:tc>
        <w:tc>
          <w:tcPr>
            <w:tcW w:w="1233" w:type="dxa"/>
          </w:tcPr>
          <w:p w:rsidR="00D75182" w:rsidRPr="009C53B1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12</w:t>
            </w:r>
          </w:p>
        </w:tc>
        <w:tc>
          <w:tcPr>
            <w:tcW w:w="1319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60</w:t>
            </w:r>
          </w:p>
        </w:tc>
      </w:tr>
    </w:tbl>
    <w:p w:rsidR="00D02DF0" w:rsidRPr="00573A68" w:rsidRDefault="00D02DF0" w:rsidP="00D02DF0">
      <w:pPr>
        <w:pStyle w:val="a5"/>
        <w:jc w:val="center"/>
        <w:rPr>
          <w:rFonts w:ascii="Times New Roman" w:hAnsi="Times New Roman"/>
          <w:sz w:val="24"/>
          <w:szCs w:val="24"/>
        </w:rPr>
      </w:pPr>
    </w:p>
    <w:p w:rsidR="00D02DF0" w:rsidRPr="00573A68" w:rsidRDefault="00D02DF0" w:rsidP="00D02DF0">
      <w:pPr>
        <w:pStyle w:val="a5"/>
        <w:rPr>
          <w:rFonts w:ascii="Times New Roman" w:hAnsi="Times New Roman"/>
          <w:sz w:val="24"/>
          <w:szCs w:val="24"/>
        </w:rPr>
      </w:pPr>
    </w:p>
    <w:p w:rsidR="00D02DF0" w:rsidRPr="00573A68" w:rsidRDefault="00D02DF0" w:rsidP="00D02DF0">
      <w:pPr>
        <w:pStyle w:val="a5"/>
        <w:rPr>
          <w:rFonts w:ascii="Times New Roman" w:hAnsi="Times New Roman"/>
          <w:sz w:val="24"/>
          <w:szCs w:val="24"/>
        </w:rPr>
      </w:pPr>
    </w:p>
    <w:p w:rsidR="003D2041" w:rsidRDefault="00406947" w:rsidP="005B6378">
      <w:pPr>
        <w:shd w:val="clear" w:color="auto" w:fill="FFFFFF"/>
        <w:spacing w:after="0" w:line="240" w:lineRule="auto"/>
        <w:jc w:val="center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Календа</w:t>
      </w:r>
      <w:r w:rsidR="005B6378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 xml:space="preserve">рно-тематический </w:t>
      </w:r>
      <w:r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 xml:space="preserve"> план</w:t>
      </w:r>
      <w:r w:rsidR="005B6378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.</w:t>
      </w:r>
    </w:p>
    <w:p w:rsidR="005B6378" w:rsidRDefault="005B6378" w:rsidP="005B6378">
      <w:pPr>
        <w:shd w:val="clear" w:color="auto" w:fill="FFFFFF"/>
        <w:spacing w:after="0" w:line="240" w:lineRule="auto"/>
        <w:jc w:val="center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</w:p>
    <w:tbl>
      <w:tblPr>
        <w:tblpPr w:leftFromText="180" w:rightFromText="180" w:vertAnchor="text" w:tblpY="1"/>
        <w:tblOverlap w:val="never"/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1152"/>
        <w:gridCol w:w="883"/>
        <w:gridCol w:w="3914"/>
        <w:gridCol w:w="1134"/>
        <w:gridCol w:w="1005"/>
        <w:gridCol w:w="1309"/>
      </w:tblGrid>
      <w:tr w:rsidR="00D75182" w:rsidRPr="008946B4" w:rsidTr="00D75182">
        <w:tc>
          <w:tcPr>
            <w:tcW w:w="1152" w:type="dxa"/>
          </w:tcPr>
          <w:p w:rsidR="00D75182" w:rsidRPr="008946B4" w:rsidRDefault="005B6378" w:rsidP="00D75182">
            <w:pPr>
              <w:pStyle w:val="a5"/>
              <w:jc w:val="both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месяц</w:t>
            </w:r>
          </w:p>
        </w:tc>
        <w:tc>
          <w:tcPr>
            <w:tcW w:w="883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№</w:t>
            </w: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</w:t>
            </w: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п/п</w:t>
            </w:r>
          </w:p>
        </w:tc>
        <w:tc>
          <w:tcPr>
            <w:tcW w:w="3914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Тема</w:t>
            </w:r>
          </w:p>
        </w:tc>
        <w:tc>
          <w:tcPr>
            <w:tcW w:w="1134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Всего</w:t>
            </w: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</w:t>
            </w:r>
          </w:p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часов</w:t>
            </w:r>
          </w:p>
        </w:tc>
        <w:tc>
          <w:tcPr>
            <w:tcW w:w="100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Теория</w:t>
            </w: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</w:t>
            </w:r>
          </w:p>
        </w:tc>
        <w:tc>
          <w:tcPr>
            <w:tcW w:w="1261" w:type="dxa"/>
          </w:tcPr>
          <w:p w:rsidR="00D75182" w:rsidRPr="008946B4" w:rsidRDefault="00D75182" w:rsidP="00D75182">
            <w:pPr>
              <w:pStyle w:val="a5"/>
              <w:jc w:val="center"/>
              <w:rPr>
                <w:rFonts w:ascii="Times New Roman" w:hAnsi="Times New Roman"/>
                <w:b/>
                <w:color w:val="333333"/>
                <w:sz w:val="24"/>
                <w:szCs w:val="24"/>
              </w:rPr>
            </w:pPr>
            <w:r w:rsidRPr="008946B4"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>Практика</w:t>
            </w:r>
            <w:r>
              <w:rPr>
                <w:rFonts w:ascii="Times New Roman" w:hAnsi="Times New Roman"/>
                <w:b/>
                <w:color w:val="333333"/>
                <w:sz w:val="24"/>
                <w:szCs w:val="24"/>
              </w:rPr>
              <w:t xml:space="preserve"> 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сентябрь</w:t>
            </w: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«Давайте познакомимся». Техника безопасности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2</w:t>
            </w:r>
          </w:p>
        </w:tc>
        <w:tc>
          <w:tcPr>
            <w:tcW w:w="3914" w:type="dxa"/>
          </w:tcPr>
          <w:p w:rsidR="00D75182" w:rsidRPr="00D75182" w:rsidRDefault="005B6378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>Раздел 1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 xml:space="preserve">. </w:t>
            </w:r>
            <w:r w:rsidR="00D75182"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История </w:t>
            </w:r>
            <w:proofErr w:type="spellStart"/>
            <w:r w:rsidR="00D75182"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бумагопластики</w:t>
            </w:r>
            <w:proofErr w:type="spellEnd"/>
            <w:r w:rsidR="00D75182"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. </w:t>
            </w:r>
            <w:r w:rsidR="00D75182"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lastRenderedPageBreak/>
              <w:t>Знакомство свойствами, видами бумаг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lastRenderedPageBreak/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3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sz w:val="24"/>
                <w:szCs w:val="24"/>
              </w:rPr>
              <w:t xml:space="preserve">Оригами. 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 Основные правила техники безопасности. Условные знаки в работе с бумагой. 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4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sz w:val="24"/>
                <w:szCs w:val="24"/>
              </w:rPr>
              <w:t xml:space="preserve">Изготовление 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«</w:t>
            </w: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Собачки-игрушки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5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Изготовление «</w:t>
            </w: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Лягушка-игрушка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6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Изготовление </w:t>
            </w: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«Бабочки» оригами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3B32A0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7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Изготовление «Коробочка» оригами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6B4271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8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Изготовление «Цветочка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октябрь</w:t>
            </w: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9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 Аппликация из цветной бумаги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</w:tr>
      <w:tr w:rsidR="00D75182" w:rsidRPr="006B4271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0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Аппликация «Рыбка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6B4271" w:rsidTr="00D75182">
        <w:trPr>
          <w:trHeight w:val="425"/>
        </w:trPr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1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 Аппликация «Лебеди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2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shd w:val="clear" w:color="auto" w:fill="FFFFFF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«</w:t>
            </w: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Грибок». 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Аппликация с использованием</w:t>
            </w:r>
          </w:p>
          <w:p w:rsidR="00D75182" w:rsidRPr="00D75182" w:rsidRDefault="00D75182" w:rsidP="00D75182">
            <w:pPr>
              <w:shd w:val="clear" w:color="auto" w:fill="FFFFFF"/>
              <w:spacing w:after="0" w:line="240" w:lineRule="auto"/>
              <w:jc w:val="both"/>
              <w:rPr>
                <w:rFonts w:ascii="Calibri" w:eastAsia="Times New Roman" w:hAnsi="Calibri" w:cs="Arial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гречки и риса.</w:t>
            </w:r>
          </w:p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3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 </w:t>
            </w: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«Осеннее дерево»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. Аппликация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4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«Чебурашка»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. Аппликация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5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«Клоун».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 Аппликация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6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«Божья коровка и жучки» Аппликация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ноябрь</w:t>
            </w: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7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«Цветы из полосок». Аппликация</w:t>
            </w:r>
          </w:p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420"/>
        </w:trPr>
        <w:tc>
          <w:tcPr>
            <w:tcW w:w="1152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8</w:t>
            </w:r>
          </w:p>
        </w:tc>
        <w:tc>
          <w:tcPr>
            <w:tcW w:w="3914" w:type="dxa"/>
            <w:tcBorders>
              <w:bottom w:val="single" w:sz="4" w:space="0" w:color="auto"/>
            </w:tcBorders>
          </w:tcPr>
          <w:p w:rsidR="00D75182" w:rsidRPr="00D75182" w:rsidRDefault="005B6378" w:rsidP="00D75182">
            <w:pPr>
              <w:pStyle w:val="a5"/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 xml:space="preserve">Раздел 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 xml:space="preserve">2. </w:t>
            </w:r>
            <w:r w:rsidR="00D75182"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Знакомство с </w:t>
            </w:r>
            <w:proofErr w:type="spellStart"/>
            <w:r w:rsidR="00D75182"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гофробумагой</w:t>
            </w:r>
            <w:proofErr w:type="spellEnd"/>
          </w:p>
        </w:tc>
        <w:tc>
          <w:tcPr>
            <w:tcW w:w="1134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26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</w:tr>
      <w:tr w:rsidR="00D75182" w:rsidRPr="008946B4" w:rsidTr="00D75182">
        <w:trPr>
          <w:trHeight w:val="405"/>
        </w:trPr>
        <w:tc>
          <w:tcPr>
            <w:tcW w:w="1152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9</w:t>
            </w:r>
          </w:p>
        </w:tc>
        <w:tc>
          <w:tcPr>
            <w:tcW w:w="3914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«</w:t>
            </w: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Астра».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 Цветок из </w:t>
            </w:r>
            <w:proofErr w:type="spellStart"/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гофробумаги</w:t>
            </w:r>
            <w:proofErr w:type="spellEnd"/>
          </w:p>
        </w:tc>
        <w:tc>
          <w:tcPr>
            <w:tcW w:w="1134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20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pStyle w:val="a5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«Роза».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 Аппликация из </w:t>
            </w:r>
            <w:r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 xml:space="preserve"> 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гофрированной бумаги.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70"/>
        </w:trPr>
        <w:tc>
          <w:tcPr>
            <w:tcW w:w="1152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21</w:t>
            </w:r>
          </w:p>
        </w:tc>
        <w:tc>
          <w:tcPr>
            <w:tcW w:w="3914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«Крокусы»</w:t>
            </w:r>
            <w:r w:rsidRPr="00D75182">
              <w:rPr>
                <w:rFonts w:ascii="Times New Roman" w:hAnsi="Times New Roman"/>
                <w:color w:val="000000"/>
                <w:sz w:val="24"/>
                <w:szCs w:val="24"/>
                <w:lang w:eastAsia="ru-RU"/>
              </w:rPr>
              <w:t>. Цветы из гофрированной бумаги</w:t>
            </w:r>
          </w:p>
        </w:tc>
        <w:tc>
          <w:tcPr>
            <w:tcW w:w="1134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126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476"/>
        </w:trPr>
        <w:tc>
          <w:tcPr>
            <w:tcW w:w="1152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22</w:t>
            </w:r>
          </w:p>
        </w:tc>
        <w:tc>
          <w:tcPr>
            <w:tcW w:w="3914" w:type="dxa"/>
            <w:tcBorders>
              <w:top w:val="single" w:sz="4" w:space="0" w:color="auto"/>
            </w:tcBorders>
          </w:tcPr>
          <w:p w:rsidR="00D75182" w:rsidRPr="00D75182" w:rsidRDefault="005B6378" w:rsidP="00D75182">
            <w:pPr>
              <w:pStyle w:val="a5"/>
              <w:rPr>
                <w:rFonts w:ascii="Times New Roman" w:hAnsi="Times New Roman"/>
                <w:sz w:val="24"/>
                <w:szCs w:val="24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 xml:space="preserve">Раздел 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 xml:space="preserve">3. </w:t>
            </w:r>
            <w:r w:rsidR="00D75182" w:rsidRPr="00D75182">
              <w:rPr>
                <w:rFonts w:ascii="Times New Roman" w:hAnsi="Times New Roman"/>
                <w:bCs/>
                <w:color w:val="000000"/>
                <w:sz w:val="24"/>
                <w:szCs w:val="24"/>
                <w:lang w:eastAsia="ru-RU"/>
              </w:rPr>
              <w:t>Работа с картоном. Знакомство с техникой работы с картоном</w:t>
            </w:r>
          </w:p>
        </w:tc>
        <w:tc>
          <w:tcPr>
            <w:tcW w:w="1134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00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1</w:t>
            </w:r>
          </w:p>
        </w:tc>
        <w:tc>
          <w:tcPr>
            <w:tcW w:w="126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</w:tr>
      <w:tr w:rsidR="00D75182" w:rsidRPr="008946B4" w:rsidTr="00D75182">
        <w:trPr>
          <w:trHeight w:val="612"/>
        </w:trPr>
        <w:tc>
          <w:tcPr>
            <w:tcW w:w="1152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pStyle w:val="a5"/>
              <w:jc w:val="center"/>
              <w:rPr>
                <w:rFonts w:ascii="Times New Roman" w:hAnsi="Times New Roman"/>
                <w:color w:val="333333"/>
                <w:sz w:val="24"/>
                <w:szCs w:val="24"/>
              </w:rPr>
            </w:pPr>
            <w:r w:rsidRPr="00D75182">
              <w:rPr>
                <w:rFonts w:ascii="Times New Roman" w:hAnsi="Times New Roman"/>
                <w:color w:val="333333"/>
                <w:sz w:val="24"/>
                <w:szCs w:val="24"/>
              </w:rPr>
              <w:t>23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Новогодняя открытка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» Поделка из картона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 xml:space="preserve">1 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 xml:space="preserve">     24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Дерево желаний» Работа из картона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25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«Пасхальное яйцо» из картона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декабрь</w:t>
            </w: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26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Открытка для папы на 23 февраля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27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 xml:space="preserve">Открытка «Валентинка» в форме </w:t>
            </w: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lastRenderedPageBreak/>
              <w:t>сердечка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lastRenderedPageBreak/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28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Новогодняя открытка с елочкой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29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</w:t>
            </w: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Открытка для мамы» из полосок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0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shd w:val="clear" w:color="auto" w:fill="FFFFFF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«Цветы из полосок». Аппликация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967"/>
        </w:trPr>
        <w:tc>
          <w:tcPr>
            <w:tcW w:w="1152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1</w:t>
            </w:r>
          </w:p>
        </w:tc>
        <w:tc>
          <w:tcPr>
            <w:tcW w:w="3914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«Знакомство с техникой торцевания»</w:t>
            </w:r>
          </w:p>
        </w:tc>
        <w:tc>
          <w:tcPr>
            <w:tcW w:w="1134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26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D75182" w:rsidRPr="008946B4" w:rsidTr="00D75182">
        <w:trPr>
          <w:trHeight w:val="1035"/>
        </w:trPr>
        <w:tc>
          <w:tcPr>
            <w:tcW w:w="1152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2</w:t>
            </w:r>
          </w:p>
        </w:tc>
        <w:tc>
          <w:tcPr>
            <w:tcW w:w="3914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: «Снеговик».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 Аппликация методом торцевания</w:t>
            </w:r>
          </w:p>
        </w:tc>
        <w:tc>
          <w:tcPr>
            <w:tcW w:w="1134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26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3</w:t>
            </w:r>
          </w:p>
        </w:tc>
        <w:tc>
          <w:tcPr>
            <w:tcW w:w="3914" w:type="dxa"/>
          </w:tcPr>
          <w:p w:rsidR="00D75182" w:rsidRPr="00D75182" w:rsidRDefault="005B6378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 xml:space="preserve">Раздел 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 xml:space="preserve">4. </w:t>
            </w:r>
            <w:r w:rsidR="00D75182"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Объемные поделки из бумаги</w:t>
            </w:r>
          </w:p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-</w:t>
            </w:r>
          </w:p>
        </w:tc>
      </w:tr>
      <w:tr w:rsidR="00D75182" w:rsidRPr="008946B4" w:rsidTr="00D75182">
        <w:trPr>
          <w:trHeight w:val="592"/>
        </w:trPr>
        <w:tc>
          <w:tcPr>
            <w:tcW w:w="1152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январь</w:t>
            </w:r>
          </w:p>
        </w:tc>
        <w:tc>
          <w:tcPr>
            <w:tcW w:w="883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4</w:t>
            </w:r>
          </w:p>
        </w:tc>
        <w:tc>
          <w:tcPr>
            <w:tcW w:w="3914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Цветок из конусов». </w:t>
            </w:r>
          </w:p>
        </w:tc>
        <w:tc>
          <w:tcPr>
            <w:tcW w:w="1134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535"/>
        </w:trPr>
        <w:tc>
          <w:tcPr>
            <w:tcW w:w="1152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5</w:t>
            </w:r>
          </w:p>
        </w:tc>
        <w:tc>
          <w:tcPr>
            <w:tcW w:w="3914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Снежинки из кругов и квадратов»</w:t>
            </w:r>
          </w:p>
        </w:tc>
        <w:tc>
          <w:tcPr>
            <w:tcW w:w="1134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6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Гирлянда из цветной бумаги»-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7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Елочка-красавица из петелек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8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:</w:t>
            </w: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Ёлочка»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 елочное украшение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39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Ёжик из бумаги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0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Ёлочные  шары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1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Берёза».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 Коллективная работа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февраль</w:t>
            </w: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2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Лисенок из ладошек»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3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</w:t>
            </w:r>
            <w:proofErr w:type="spellStart"/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Капитошка</w:t>
            </w:r>
            <w:proofErr w:type="spellEnd"/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 xml:space="preserve"> из ладошек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4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Поле цветов из геометрических фигур»</w:t>
            </w:r>
            <w:r w:rsidRPr="00D75182">
              <w:rPr>
                <w:rFonts w:ascii="Times New Roman" w:hAnsi="Times New Roman" w:cs="Times New Roman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5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 xml:space="preserve"> «Котенок» из конуса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450"/>
        </w:trPr>
        <w:tc>
          <w:tcPr>
            <w:tcW w:w="1152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6</w:t>
            </w:r>
          </w:p>
        </w:tc>
        <w:tc>
          <w:tcPr>
            <w:tcW w:w="3914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Собачка» из конуса</w:t>
            </w:r>
          </w:p>
        </w:tc>
        <w:tc>
          <w:tcPr>
            <w:tcW w:w="1134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  <w:tcBorders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450"/>
        </w:trPr>
        <w:tc>
          <w:tcPr>
            <w:tcW w:w="1152" w:type="dxa"/>
            <w:tcBorders>
              <w:top w:val="single" w:sz="4" w:space="0" w:color="auto"/>
              <w:bottom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  <w:tcBorders>
              <w:top w:val="single" w:sz="4" w:space="0" w:color="auto"/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7</w:t>
            </w:r>
          </w:p>
        </w:tc>
        <w:tc>
          <w:tcPr>
            <w:tcW w:w="3914" w:type="dxa"/>
            <w:tcBorders>
              <w:top w:val="single" w:sz="4" w:space="0" w:color="auto"/>
              <w:bottom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 xml:space="preserve">Поделки из салфеток и фольги. </w:t>
            </w: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lastRenderedPageBreak/>
              <w:t xml:space="preserve">Знакомство свойствами </w:t>
            </w:r>
          </w:p>
        </w:tc>
        <w:tc>
          <w:tcPr>
            <w:tcW w:w="1134" w:type="dxa"/>
            <w:tcBorders>
              <w:top w:val="single" w:sz="4" w:space="0" w:color="auto"/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lastRenderedPageBreak/>
              <w:t>1</w:t>
            </w:r>
          </w:p>
        </w:tc>
        <w:tc>
          <w:tcPr>
            <w:tcW w:w="1001" w:type="dxa"/>
            <w:tcBorders>
              <w:top w:val="single" w:sz="4" w:space="0" w:color="auto"/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261" w:type="dxa"/>
            <w:tcBorders>
              <w:top w:val="single" w:sz="4" w:space="0" w:color="auto"/>
              <w:bottom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-</w:t>
            </w:r>
          </w:p>
        </w:tc>
      </w:tr>
      <w:tr w:rsidR="00D75182" w:rsidRPr="008946B4" w:rsidTr="00D75182">
        <w:trPr>
          <w:trHeight w:val="960"/>
        </w:trPr>
        <w:tc>
          <w:tcPr>
            <w:tcW w:w="1152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8</w:t>
            </w:r>
          </w:p>
        </w:tc>
        <w:tc>
          <w:tcPr>
            <w:tcW w:w="3914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Гирлянда из снежинок» из салфеток и фольги</w:t>
            </w:r>
          </w:p>
        </w:tc>
        <w:tc>
          <w:tcPr>
            <w:tcW w:w="1134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  <w:tcBorders>
              <w:top w:val="single" w:sz="4" w:space="0" w:color="auto"/>
            </w:tcBorders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49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 xml:space="preserve"> «Снеговик из салфеток»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март</w:t>
            </w: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0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</w:t>
            </w: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Ёлочка из салфеток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1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Солнышко из салфеток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2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Букет для мамы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3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Цыплята»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 Аппликация из салфеток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4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jc w:val="both"/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Цыпленок»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 Аппликация из</w:t>
            </w: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 xml:space="preserve"> 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салфеток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5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hAnsi="Times New Roman" w:cs="Times New Roman"/>
                <w:color w:val="000000"/>
                <w:sz w:val="24"/>
                <w:szCs w:val="24"/>
                <w:lang w:eastAsia="ru-RU"/>
              </w:rPr>
              <w:t> </w:t>
            </w:r>
            <w:r w:rsidRPr="00D75182"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Гвоздика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6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«Цветы из фольги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7</w:t>
            </w:r>
          </w:p>
        </w:tc>
        <w:tc>
          <w:tcPr>
            <w:tcW w:w="3914" w:type="dxa"/>
          </w:tcPr>
          <w:p w:rsidR="00D75182" w:rsidRPr="00D75182" w:rsidRDefault="00BF5810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 xml:space="preserve">Раздел 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 xml:space="preserve">5. </w:t>
            </w:r>
            <w:r w:rsidR="00D75182"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Знакомство с техникой работы с пластилином. Свойства пластилина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-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апрель</w:t>
            </w: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8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Лепим мишутку с корзиной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59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Ёжик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662"/>
        </w:trPr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0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Лепка «Барашек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1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Лепка «Барыня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2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</w:t>
            </w:r>
            <w:proofErr w:type="spellStart"/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Осьминожка</w:t>
            </w:r>
            <w:proofErr w:type="spellEnd"/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 xml:space="preserve"> из скрученных жгутиков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3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Гусеница из пластилина»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 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4</w:t>
            </w:r>
          </w:p>
        </w:tc>
        <w:tc>
          <w:tcPr>
            <w:tcW w:w="3914" w:type="dxa"/>
          </w:tcPr>
          <w:p w:rsidR="00D75182" w:rsidRPr="00D75182" w:rsidRDefault="00BF5810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5B6378">
              <w:rPr>
                <w:rFonts w:ascii="Times New Roman" w:hAnsi="Times New Roman"/>
                <w:b/>
                <w:sz w:val="24"/>
                <w:szCs w:val="24"/>
              </w:rPr>
              <w:t xml:space="preserve"> Раздел </w:t>
            </w:r>
            <w:r>
              <w:rPr>
                <w:rFonts w:ascii="Times New Roman" w:hAnsi="Times New Roman"/>
                <w:b/>
                <w:sz w:val="24"/>
                <w:szCs w:val="24"/>
              </w:rPr>
              <w:t>6. Р</w:t>
            </w:r>
            <w:r w:rsidR="00D75182"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абота  из бросового материала. Что такое бросовый материал?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-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5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Бабочка из фантиков и бусин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май</w:t>
            </w: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6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spacing w:after="0" w:line="240" w:lineRule="auto"/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Куколка»</w:t>
            </w:r>
          </w:p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 xml:space="preserve"> Поделка из </w:t>
            </w:r>
            <w:proofErr w:type="spellStart"/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чупа</w:t>
            </w:r>
            <w:proofErr w:type="spellEnd"/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 xml:space="preserve">- </w:t>
            </w:r>
            <w:proofErr w:type="spellStart"/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чупса</w:t>
            </w:r>
            <w:proofErr w:type="spellEnd"/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 xml:space="preserve"> и цветного </w:t>
            </w: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lastRenderedPageBreak/>
              <w:t>картона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lastRenderedPageBreak/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7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 xml:space="preserve">«Машинка спичечных коробков»  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8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 xml:space="preserve"> «Куколка из ткани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69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Ромашки из ватных дисков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593"/>
        </w:trPr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май</w:t>
            </w: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70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Цветы в вазе» из ватных исков и палочек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71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«Паучок из яичных лотков»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-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1</w:t>
            </w:r>
          </w:p>
        </w:tc>
      </w:tr>
      <w:tr w:rsidR="00D75182" w:rsidRPr="008946B4" w:rsidTr="00D75182">
        <w:trPr>
          <w:trHeight w:val="215"/>
        </w:trPr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72</w:t>
            </w:r>
          </w:p>
        </w:tc>
        <w:tc>
          <w:tcPr>
            <w:tcW w:w="3914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Cs/>
                <w:color w:val="000000"/>
                <w:sz w:val="24"/>
                <w:szCs w:val="24"/>
                <w:lang w:eastAsia="ru-RU"/>
              </w:rPr>
              <w:t>Итоговое занятие. Диагностика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-</w:t>
            </w:r>
          </w:p>
        </w:tc>
      </w:tr>
      <w:tr w:rsidR="00D75182" w:rsidRPr="008946B4" w:rsidTr="00D75182">
        <w:tc>
          <w:tcPr>
            <w:tcW w:w="1152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883" w:type="dxa"/>
          </w:tcPr>
          <w:p w:rsidR="00D75182" w:rsidRPr="00D75182" w:rsidRDefault="00D75182" w:rsidP="00D75182">
            <w:pP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</w:p>
        </w:tc>
        <w:tc>
          <w:tcPr>
            <w:tcW w:w="3914" w:type="dxa"/>
          </w:tcPr>
          <w:p w:rsidR="00D75182" w:rsidRPr="00D75182" w:rsidRDefault="00D75182" w:rsidP="00D75182">
            <w:pPr>
              <w:jc w:val="right"/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b/>
                <w:bCs/>
                <w:color w:val="000000"/>
                <w:sz w:val="24"/>
                <w:szCs w:val="24"/>
                <w:lang w:eastAsia="ru-RU"/>
              </w:rPr>
              <w:t>Итого:</w:t>
            </w:r>
          </w:p>
        </w:tc>
        <w:tc>
          <w:tcPr>
            <w:tcW w:w="1134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72</w:t>
            </w:r>
          </w:p>
        </w:tc>
        <w:tc>
          <w:tcPr>
            <w:tcW w:w="100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lang w:eastAsia="ru-RU"/>
              </w:rPr>
              <w:t>12</w:t>
            </w:r>
          </w:p>
        </w:tc>
        <w:tc>
          <w:tcPr>
            <w:tcW w:w="1261" w:type="dxa"/>
          </w:tcPr>
          <w:p w:rsidR="00D75182" w:rsidRPr="00D75182" w:rsidRDefault="00D75182" w:rsidP="00D75182">
            <w:pPr>
              <w:jc w:val="center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D75182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  <w:t>60</w:t>
            </w:r>
          </w:p>
        </w:tc>
      </w:tr>
    </w:tbl>
    <w:p w:rsidR="0037427A" w:rsidRDefault="0037427A" w:rsidP="00BE658D">
      <w:pPr>
        <w:shd w:val="clear" w:color="auto" w:fill="FFFFFF"/>
        <w:spacing w:after="0" w:line="240" w:lineRule="auto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</w:p>
    <w:p w:rsidR="00891839" w:rsidRDefault="00891839" w:rsidP="00891839">
      <w:pPr>
        <w:pStyle w:val="a5"/>
        <w:rPr>
          <w:rFonts w:ascii="Times New Roman" w:hAnsi="Times New Roman"/>
          <w:b/>
          <w:color w:val="000000"/>
          <w:sz w:val="24"/>
          <w:szCs w:val="24"/>
          <w:lang w:eastAsia="ru-RU"/>
        </w:rPr>
      </w:pPr>
    </w:p>
    <w:p w:rsidR="00891839" w:rsidRDefault="00891839" w:rsidP="00891839">
      <w:pPr>
        <w:pStyle w:val="a5"/>
        <w:rPr>
          <w:rFonts w:ascii="Times New Roman" w:hAnsi="Times New Roman"/>
          <w:b/>
          <w:color w:val="000000"/>
          <w:sz w:val="24"/>
          <w:szCs w:val="24"/>
          <w:lang w:eastAsia="ru-RU"/>
        </w:rPr>
      </w:pPr>
    </w:p>
    <w:p w:rsidR="00D75182" w:rsidRPr="00D75182" w:rsidRDefault="00D75182" w:rsidP="00891839">
      <w:pPr>
        <w:pStyle w:val="a5"/>
        <w:jc w:val="center"/>
        <w:rPr>
          <w:rFonts w:ascii="Times New Roman" w:hAnsi="Times New Roman"/>
          <w:b/>
          <w:sz w:val="24"/>
          <w:szCs w:val="24"/>
        </w:rPr>
      </w:pPr>
      <w:r w:rsidRPr="00D75182">
        <w:rPr>
          <w:rFonts w:ascii="Times New Roman" w:hAnsi="Times New Roman"/>
          <w:b/>
          <w:sz w:val="24"/>
          <w:szCs w:val="24"/>
        </w:rPr>
        <w:t>4. Содержание дополнительной общеразвивающей программы.</w:t>
      </w:r>
    </w:p>
    <w:p w:rsidR="00D75182" w:rsidRPr="00D75182" w:rsidRDefault="00D75182" w:rsidP="00D75182">
      <w:pPr>
        <w:pStyle w:val="a5"/>
        <w:jc w:val="center"/>
        <w:rPr>
          <w:rFonts w:ascii="Times New Roman" w:hAnsi="Times New Roman"/>
          <w:b/>
          <w:color w:val="000000"/>
          <w:sz w:val="24"/>
          <w:szCs w:val="24"/>
          <w:lang w:eastAsia="ru-RU"/>
        </w:rPr>
      </w:pPr>
    </w:p>
    <w:p w:rsidR="00D75182" w:rsidRDefault="00D75182" w:rsidP="00BE658D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</w:p>
    <w:p w:rsidR="00505708" w:rsidRPr="009F0104" w:rsidRDefault="00505708" w:rsidP="00BE658D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 w:rsidRPr="009F0104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Сентябрь</w:t>
      </w:r>
    </w:p>
    <w:p w:rsidR="00505708" w:rsidRPr="009F0104" w:rsidRDefault="00505708" w:rsidP="00BE658D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</w:p>
    <w:p w:rsidR="00E50BB4" w:rsidRPr="00ED1A2D" w:rsidRDefault="005C3775" w:rsidP="00BE658D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.Вводное занятие.</w:t>
      </w:r>
      <w:r w:rsidR="00832B5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Программа «Давайте познакомимся»</w:t>
      </w:r>
      <w:r w:rsidR="0098064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 Техника безопасности-1час</w:t>
      </w:r>
    </w:p>
    <w:p w:rsidR="00832B58" w:rsidRPr="00ED1A2D" w:rsidRDefault="00832B58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2</w:t>
      </w:r>
      <w:r w:rsidR="0098064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Теория</w:t>
      </w:r>
      <w:proofErr w:type="gramStart"/>
      <w:r w:rsidR="0098064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: </w:t>
      </w:r>
      <w:r w:rsidR="0053364A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стория</w:t>
      </w:r>
      <w:proofErr w:type="gram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proofErr w:type="spell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бумагопластики</w:t>
      </w:r>
      <w:proofErr w:type="spell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. Знакомство свойствами, </w:t>
      </w:r>
      <w:r w:rsidR="0098064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видами бумаг-1 час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</w:p>
    <w:p w:rsidR="009D2367" w:rsidRPr="00ED1A2D" w:rsidRDefault="005760CB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.</w:t>
      </w:r>
      <w:r w:rsidR="009D236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Теория: Оригами-1час; Практика-5час;</w:t>
      </w:r>
      <w:r w:rsidR="0098064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</w:p>
    <w:p w:rsidR="0098064C" w:rsidRPr="00ED1A2D" w:rsidRDefault="0098064C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Основные правила техники безопасности. Условные знаки в работе с бумагой-1 час </w:t>
      </w:r>
    </w:p>
    <w:p w:rsidR="0053364A" w:rsidRPr="00ED1A2D" w:rsidRDefault="0098064C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proofErr w:type="gram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4.Практика:</w:t>
      </w:r>
      <w:r w:rsidR="0053364A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«</w:t>
      </w:r>
      <w:proofErr w:type="gramEnd"/>
      <w:r w:rsidR="0053364A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Собачка-игрушка</w:t>
      </w:r>
      <w:r w:rsidR="0053364A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»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-1 час</w:t>
      </w:r>
      <w:r w:rsidR="0053364A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</w:p>
    <w:p w:rsidR="0053364A" w:rsidRPr="00ED1A2D" w:rsidRDefault="0053364A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вызвать у детей желание изготовить игрушку-перчатку для игры. Учить составлять предмет из частей, разных по величине и форме, начиная с крупной части и затем присоединяя к ней части, меньшие по величине.</w:t>
      </w:r>
    </w:p>
    <w:p w:rsidR="0053364A" w:rsidRPr="00ED1A2D" w:rsidRDefault="0098064C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5.Практика:</w:t>
      </w:r>
      <w:r w:rsidR="0053364A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«</w:t>
      </w:r>
      <w:r w:rsidR="0053364A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Лягушка-игрушка»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.</w:t>
      </w:r>
      <w:r w:rsidR="0053364A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В технике оригами из цветной бумаги.</w:t>
      </w:r>
    </w:p>
    <w:p w:rsidR="000B6F6B" w:rsidRPr="00ED1A2D" w:rsidRDefault="0053364A" w:rsidP="000B6F6B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вызвать у детей желание изготовить игрушку-перчатку для игры. Учить составлять предмет из частей, разных по величине и форме, начиная с крупной части и затем присоединяя к ней части, меньшие по величине.</w:t>
      </w:r>
    </w:p>
    <w:p w:rsidR="004D31B1" w:rsidRPr="00ED1A2D" w:rsidRDefault="000B6F6B" w:rsidP="000B6F6B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6. Практика: </w:t>
      </w:r>
      <w:r w:rsidR="004D31B1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Бабочки»</w:t>
      </w:r>
      <w:r w:rsidR="004D31B1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- 1час. </w:t>
      </w:r>
    </w:p>
    <w:p w:rsidR="000B6F6B" w:rsidRPr="00ED1A2D" w:rsidRDefault="000B6F6B" w:rsidP="000B6F6B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зготовление фигурок бабочек. Базовой основой для бабочек служит двойной треугольник.</w:t>
      </w:r>
    </w:p>
    <w:p w:rsidR="000B6F6B" w:rsidRPr="00ED1A2D" w:rsidRDefault="000B6F6B" w:rsidP="000B6F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складывать прямоугольник в двойной треугольник в технике оригами.</w:t>
      </w:r>
    </w:p>
    <w:p w:rsidR="00E4020C" w:rsidRPr="00ED1A2D" w:rsidRDefault="000B6F6B" w:rsidP="00E4020C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7.Практика: </w:t>
      </w:r>
      <w:r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«Коробочка»-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1 час</w:t>
      </w:r>
      <w:r w:rsidR="00E4020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Техника оригами</w:t>
      </w:r>
    </w:p>
    <w:p w:rsidR="000B6F6B" w:rsidRPr="00ED1A2D" w:rsidRDefault="00E4020C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 </w:t>
      </w:r>
    </w:p>
    <w:p w:rsidR="00505708" w:rsidRPr="009F0104" w:rsidRDefault="00FB57A3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 </w:t>
      </w:r>
      <w:r w:rsidR="004A42AC" w:rsidRPr="009F0104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Октябрь</w:t>
      </w:r>
    </w:p>
    <w:p w:rsidR="00505708" w:rsidRPr="00ED1A2D" w:rsidRDefault="00ED1A2D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8.</w:t>
      </w:r>
      <w:r w:rsidRPr="00ED1A2D">
        <w:rPr>
          <w:rFonts w:ascii="Times New Roman" w:hAnsi="Times New Roman"/>
          <w:b/>
          <w:color w:val="000000"/>
          <w:sz w:val="24"/>
          <w:szCs w:val="24"/>
          <w:lang w:eastAsia="ru-RU"/>
        </w:rPr>
        <w:t xml:space="preserve"> </w:t>
      </w:r>
      <w:r w:rsidRPr="00ED1A2D">
        <w:rPr>
          <w:rFonts w:ascii="Times New Roman" w:hAnsi="Times New Roman"/>
          <w:color w:val="000000"/>
          <w:sz w:val="24"/>
          <w:szCs w:val="24"/>
          <w:lang w:eastAsia="ru-RU"/>
        </w:rPr>
        <w:t>Изготовление «Цветочка»</w:t>
      </w:r>
      <w:r>
        <w:rPr>
          <w:rFonts w:ascii="Times New Roman" w:hAnsi="Times New Roman"/>
          <w:color w:val="000000"/>
          <w:sz w:val="24"/>
          <w:szCs w:val="24"/>
          <w:lang w:eastAsia="ru-RU"/>
        </w:rPr>
        <w:t>-1 час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Техника оригами</w:t>
      </w:r>
    </w:p>
    <w:p w:rsidR="00FB57A3" w:rsidRDefault="00ED1A2D" w:rsidP="0053364A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9.</w:t>
      </w:r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Теория: Аппликация.- 1 час</w:t>
      </w:r>
      <w:r w:rsidR="009D2367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; Практика- 8час;</w:t>
      </w:r>
    </w:p>
    <w:p w:rsidR="0053364A" w:rsidRPr="000539A2" w:rsidRDefault="00ED1A2D" w:rsidP="0053364A">
      <w:pPr>
        <w:shd w:val="clear" w:color="auto" w:fill="FFFFFF"/>
        <w:spacing w:after="0" w:line="240" w:lineRule="auto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0.</w:t>
      </w:r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Практика: </w:t>
      </w:r>
      <w:r w:rsidR="00A211EE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«</w:t>
      </w:r>
      <w:r w:rsidR="0053364A" w:rsidRPr="000539A2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Рыбка»</w:t>
      </w:r>
      <w:r w:rsidR="0053364A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 Аппл</w:t>
      </w:r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кация из цветной бумаги, фольги – 1 час</w:t>
      </w:r>
      <w:r w:rsidR="0053364A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</w:p>
    <w:p w:rsidR="0053364A" w:rsidRPr="000539A2" w:rsidRDefault="0053364A" w:rsidP="0053364A">
      <w:pPr>
        <w:shd w:val="clear" w:color="auto" w:fill="FFFFFF"/>
        <w:spacing w:after="0" w:line="240" w:lineRule="auto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создавать любимую игрушку из частей. Правильно передавать их относительную величину. Закреплять умение вырезать части круглой и овальной формы, аккуратно наклеивать изображения и детали, красиво располагать на листе бумаги.</w:t>
      </w:r>
    </w:p>
    <w:p w:rsidR="0053364A" w:rsidRPr="000539A2" w:rsidRDefault="00ED1A2D" w:rsidP="0053364A">
      <w:pPr>
        <w:shd w:val="clear" w:color="auto" w:fill="FFFFFF"/>
        <w:spacing w:after="0" w:line="240" w:lineRule="auto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lastRenderedPageBreak/>
        <w:t>11.</w:t>
      </w:r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Практика:</w:t>
      </w:r>
      <w:r w:rsidR="0053364A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«</w:t>
      </w:r>
      <w:r w:rsidR="002276EB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Лебеди</w:t>
      </w:r>
      <w:r w:rsidR="0053364A" w:rsidRPr="000539A2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 w:rsidR="0053364A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 Аппликация из цветной бумаги</w:t>
      </w:r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.</w:t>
      </w:r>
    </w:p>
    <w:p w:rsidR="0053364A" w:rsidRPr="000539A2" w:rsidRDefault="0053364A" w:rsidP="0053364A">
      <w:pPr>
        <w:shd w:val="clear" w:color="auto" w:fill="FFFFFF"/>
        <w:spacing w:after="0" w:line="240" w:lineRule="auto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составлять пингвина из кругов различной величины. Напомнить способ получения из круга полукруга. Закреплять умение вырезать части круглой формы, аккуратно наклеивать изображения и детали, красиво располагать на листе бумаги.</w:t>
      </w:r>
    </w:p>
    <w:p w:rsidR="004336E5" w:rsidRPr="000539A2" w:rsidRDefault="00FB57A3" w:rsidP="004336E5">
      <w:pPr>
        <w:shd w:val="clear" w:color="auto" w:fill="FFFFFF"/>
        <w:spacing w:after="0" w:line="240" w:lineRule="auto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</w:t>
      </w:r>
      <w:r w:rsid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2</w:t>
      </w:r>
      <w:r w:rsidR="002276EB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актика:</w:t>
      </w:r>
      <w:r w:rsidR="004336E5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«</w:t>
      </w:r>
      <w:r w:rsidR="004336E5" w:rsidRPr="000539A2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Грибок». </w:t>
      </w:r>
      <w:r w:rsidR="004336E5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Аппликация из гречки и риса.</w:t>
      </w:r>
    </w:p>
    <w:p w:rsidR="004336E5" w:rsidRPr="000539A2" w:rsidRDefault="004336E5" w:rsidP="004336E5">
      <w:pPr>
        <w:shd w:val="clear" w:color="auto" w:fill="FFFFFF"/>
        <w:spacing w:after="0" w:line="240" w:lineRule="auto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выкладывать рисунок из гречки и риса.</w:t>
      </w:r>
    </w:p>
    <w:p w:rsidR="00FB57A3" w:rsidRPr="00FB57A3" w:rsidRDefault="002276EB" w:rsidP="00FB57A3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</w:t>
      </w:r>
      <w:r w:rsid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r w:rsidR="00D7518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актика:</w:t>
      </w:r>
      <w:r w:rsidR="00FB57A3" w:rsidRPr="000539A2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«Осеннее дерево»</w:t>
      </w:r>
      <w:r w:rsidR="009E7044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. </w:t>
      </w:r>
      <w:proofErr w:type="spellStart"/>
      <w:r w:rsidR="009E7044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Аппикация</w:t>
      </w:r>
      <w:proofErr w:type="spellEnd"/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.</w:t>
      </w:r>
    </w:p>
    <w:p w:rsidR="00FB57A3" w:rsidRPr="000539A2" w:rsidRDefault="00FB57A3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детей проявлять способности, творчество, самостоятельность в процессе создания коллективной работы, видеть путь творческого преобразования предметов.</w:t>
      </w:r>
    </w:p>
    <w:p w:rsidR="00FB57A3" w:rsidRDefault="00FB57A3" w:rsidP="00FB57A3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Закреплять умение резать ножницами картон, осуществлять поворот при   вырезании</w:t>
      </w:r>
    </w:p>
    <w:p w:rsidR="00FB57A3" w:rsidRPr="000539A2" w:rsidRDefault="00ED1A2D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4</w:t>
      </w:r>
      <w:r w:rsidR="002276EB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Практика: </w:t>
      </w:r>
      <w:r w:rsidR="00FB57A3" w:rsidRPr="000539A2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Чебурашка»</w:t>
      </w:r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 Аппликация – 1 час.</w:t>
      </w:r>
      <w:r w:rsidR="00FB57A3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</w:t>
      </w:r>
    </w:p>
    <w:p w:rsidR="00FB57A3" w:rsidRPr="000539A2" w:rsidRDefault="00FB57A3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proofErr w:type="gramStart"/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 </w:t>
      </w:r>
      <w:r w:rsidR="00D7518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в</w:t>
      </w: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ызвать</w:t>
      </w:r>
      <w:proofErr w:type="gramEnd"/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желание изготовить поделку своими руками .</w:t>
      </w:r>
    </w:p>
    <w:p w:rsidR="00FB57A3" w:rsidRPr="000539A2" w:rsidRDefault="00FB57A3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Закреплять умение вырезать детали округлой формы.</w:t>
      </w:r>
    </w:p>
    <w:p w:rsidR="00FB57A3" w:rsidRPr="000539A2" w:rsidRDefault="00FB57A3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Учить собирать образ чебурашки из кругов.  </w:t>
      </w:r>
    </w:p>
    <w:p w:rsidR="00FB57A3" w:rsidRPr="000539A2" w:rsidRDefault="00ED1A2D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5</w:t>
      </w:r>
      <w:r w:rsidR="00FB57A3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.Практика: </w:t>
      </w:r>
      <w:r w:rsidR="00FB57A3" w:rsidRPr="000539A2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Клоун».</w:t>
      </w:r>
      <w:r w:rsidR="00FB57A3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Аппликация из геометрических фигур</w:t>
      </w:r>
      <w:r w:rsidR="00FB57A3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</w:t>
      </w:r>
    </w:p>
    <w:p w:rsidR="00FB57A3" w:rsidRPr="000539A2" w:rsidRDefault="00FB57A3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повторить все геометрические фигуры.</w:t>
      </w:r>
    </w:p>
    <w:p w:rsidR="00FB57A3" w:rsidRPr="000539A2" w:rsidRDefault="00FB57A3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Учить вырезать круг, овал и треугольник, полуовал и полукруг.</w:t>
      </w:r>
    </w:p>
    <w:p w:rsidR="00FB57A3" w:rsidRPr="000539A2" w:rsidRDefault="00FB57A3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Учить получать полуовал из овала, полукруг из круга.</w:t>
      </w:r>
    </w:p>
    <w:p w:rsidR="00FB57A3" w:rsidRPr="000539A2" w:rsidRDefault="00FB57A3" w:rsidP="00FB57A3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Аккуратно наклеивать изображения и детали, красиво их располагать на листе.</w:t>
      </w:r>
    </w:p>
    <w:p w:rsidR="00505708" w:rsidRPr="00505708" w:rsidRDefault="002276EB" w:rsidP="00505708">
      <w:pPr>
        <w:shd w:val="clear" w:color="auto" w:fill="FFFFFF"/>
        <w:spacing w:after="0" w:line="240" w:lineRule="auto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6</w:t>
      </w:r>
      <w:r w:rsidR="00505708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Практика:</w:t>
      </w:r>
      <w:r w:rsidR="00505708"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</w:t>
      </w:r>
      <w:r w:rsidR="00505708" w:rsidRPr="000539A2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Божья коровка</w:t>
      </w: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 жучки</w:t>
      </w:r>
      <w:r w:rsidR="00505708" w:rsidRPr="000539A2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9E7044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Аппликация</w:t>
      </w:r>
      <w:r w:rsidR="00505708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- </w:t>
      </w:r>
      <w:r w:rsidR="00505708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</w:t>
      </w:r>
    </w:p>
    <w:p w:rsidR="00505708" w:rsidRPr="000539A2" w:rsidRDefault="00505708" w:rsidP="00505708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продолжить учить детей вырезать круги из квадратов в соответствии с величиной исходной формы.</w:t>
      </w:r>
    </w:p>
    <w:p w:rsidR="00505708" w:rsidRPr="000539A2" w:rsidRDefault="00505708" w:rsidP="00505708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Развивать плавность и согласованность движений обеих рук.</w:t>
      </w:r>
    </w:p>
    <w:p w:rsidR="00505708" w:rsidRPr="000539A2" w:rsidRDefault="00505708" w:rsidP="00505708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 w:rsidRPr="000539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Учить собирать изображение из отдельных деталей до получения образа.</w:t>
      </w:r>
    </w:p>
    <w:p w:rsidR="007D0BA2" w:rsidRDefault="007D0BA2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</w:p>
    <w:p w:rsidR="00505708" w:rsidRPr="009F0104" w:rsidRDefault="004A42AC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 w:rsidRPr="009F0104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Ноябрь</w:t>
      </w:r>
    </w:p>
    <w:p w:rsidR="00ED1A2D" w:rsidRPr="00ED1A2D" w:rsidRDefault="00E3343B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</w:t>
      </w:r>
      <w:r w:rsidR="007D0B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7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r w:rsidR="001242D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Практика: </w:t>
      </w:r>
      <w:r w:rsidR="001242D8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 xml:space="preserve">«Цветы из полосок». </w:t>
      </w:r>
      <w:r w:rsidR="001242D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Аппликация</w:t>
      </w:r>
    </w:p>
    <w:p w:rsidR="00FB57A3" w:rsidRPr="00ED1A2D" w:rsidRDefault="00ED1A2D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</w:t>
      </w:r>
      <w:r w:rsidR="007D0BA2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8</w:t>
      </w:r>
      <w:r w:rsidR="0050570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Теория: З</w:t>
      </w:r>
      <w:r w:rsidR="00360500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накомство с </w:t>
      </w:r>
      <w:proofErr w:type="spellStart"/>
      <w:r w:rsidR="00360500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гофробумагой</w:t>
      </w:r>
      <w:proofErr w:type="spellEnd"/>
      <w:r w:rsidR="00360500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; Практика-3час;</w:t>
      </w:r>
    </w:p>
    <w:p w:rsidR="004336E5" w:rsidRPr="00ED1A2D" w:rsidRDefault="007D0BA2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9</w:t>
      </w:r>
      <w:r w:rsidR="0050570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Практика:</w:t>
      </w:r>
      <w:r w:rsidR="004336E5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«</w:t>
      </w:r>
      <w:r w:rsidR="004336E5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Астра».</w:t>
      </w:r>
      <w:r w:rsidR="0050570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 Цветок из </w:t>
      </w:r>
      <w:proofErr w:type="spellStart"/>
      <w:r w:rsidR="0050570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гофробумаги</w:t>
      </w:r>
      <w:proofErr w:type="spellEnd"/>
      <w:r w:rsidR="0050570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</w:t>
      </w:r>
    </w:p>
    <w:p w:rsidR="004336E5" w:rsidRPr="00ED1A2D" w:rsidRDefault="004336E5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резать гофру на отдельные полосы, скручивать в тонкие лепестки и собирать в цветок.</w:t>
      </w:r>
    </w:p>
    <w:p w:rsidR="00505708" w:rsidRPr="00ED1A2D" w:rsidRDefault="007D0BA2" w:rsidP="00505708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20</w:t>
      </w:r>
      <w:r w:rsidR="00505708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. Практика: </w:t>
      </w: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Роза</w:t>
      </w:r>
      <w:r w:rsidR="00505708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.</w:t>
      </w:r>
      <w:r w:rsidR="0050570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Аппл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кация из гофрированной бумаги  и цветного картона</w:t>
      </w:r>
      <w:r w:rsidR="00505708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</w:t>
      </w:r>
    </w:p>
    <w:p w:rsidR="00505708" w:rsidRPr="00ED1A2D" w:rsidRDefault="00505708" w:rsidP="00505708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Цель: учить аккуратно наклеивать детали, красиво располагать их на </w:t>
      </w:r>
      <w:proofErr w:type="gram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листе  бумаги</w:t>
      </w:r>
      <w:proofErr w:type="gram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</w:p>
    <w:p w:rsidR="00505708" w:rsidRPr="00ED1A2D" w:rsidRDefault="00505708" w:rsidP="00505708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Учить складывать бумагу гармошкой и получать желаемые формы.</w:t>
      </w:r>
    </w:p>
    <w:p w:rsidR="00804140" w:rsidRPr="00ED1A2D" w:rsidRDefault="006B11C4" w:rsidP="00804140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21</w:t>
      </w:r>
      <w:r w:rsidR="00804140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</w:t>
      </w:r>
      <w:r w:rsidR="00360500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Практика:</w:t>
      </w:r>
      <w:r w:rsidR="00804140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proofErr w:type="gramEnd"/>
      <w:r w:rsidR="00804140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Крокусы»</w:t>
      </w:r>
      <w:r w:rsidR="00804140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 Цветы из гофрированной бумаги-1 час</w:t>
      </w:r>
    </w:p>
    <w:p w:rsidR="00804140" w:rsidRPr="00ED1A2D" w:rsidRDefault="00804140" w:rsidP="00804140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резать гофрированную бумагу на полосы, собирать лепестки в бутон методом перекручивания.</w:t>
      </w:r>
    </w:p>
    <w:p w:rsidR="00804140" w:rsidRPr="00ED1A2D" w:rsidRDefault="006B11C4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22</w:t>
      </w:r>
      <w:r w:rsidR="00804140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Теория: Работа с картоном. Знакомство с техник</w:t>
      </w:r>
      <w:r w:rsidR="00360500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ой работы с картоном- 1 час; Практика-8час;</w:t>
      </w:r>
    </w:p>
    <w:p w:rsidR="00360500" w:rsidRPr="00ED1A2D" w:rsidRDefault="00360500" w:rsidP="00804140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</w:p>
    <w:p w:rsidR="003B1327" w:rsidRPr="00ED1A2D" w:rsidRDefault="006B11C4" w:rsidP="003B1327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23</w:t>
      </w:r>
      <w:r w:rsidR="00ED1A2D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. </w:t>
      </w:r>
      <w:proofErr w:type="gramStart"/>
      <w:r w:rsidR="00360500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Практика:</w:t>
      </w:r>
      <w:r w:rsidR="0062269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</w:t>
      </w:r>
      <w:proofErr w:type="gramEnd"/>
      <w:r w:rsidR="003B132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 Новогодняя открытка</w:t>
      </w:r>
      <w:r w:rsidR="003B132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»</w:t>
      </w:r>
      <w:r w:rsidR="003B61F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оделка из картона</w:t>
      </w:r>
      <w:r w:rsidR="003B132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</w:t>
      </w:r>
    </w:p>
    <w:p w:rsidR="003B1327" w:rsidRPr="00ED1A2D" w:rsidRDefault="003B1327" w:rsidP="003B132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вырезать ёлочку из картона и цветной бумаги.</w:t>
      </w:r>
    </w:p>
    <w:p w:rsidR="003B1327" w:rsidRPr="00ED1A2D" w:rsidRDefault="003B1327" w:rsidP="003B132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Методом сложения пополам прямоугольника.</w:t>
      </w:r>
    </w:p>
    <w:p w:rsidR="003B1327" w:rsidRPr="00ED1A2D" w:rsidRDefault="003B1327" w:rsidP="003B132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Склеивать части в единую поделку.</w:t>
      </w:r>
    </w:p>
    <w:p w:rsidR="00360500" w:rsidRPr="00ED1A2D" w:rsidRDefault="006B11C4" w:rsidP="003B1327">
      <w:pPr>
        <w:shd w:val="clear" w:color="auto" w:fill="FFFFFF"/>
        <w:spacing w:after="0" w:line="270" w:lineRule="atLeast"/>
        <w:jc w:val="both"/>
        <w:rPr>
          <w:rFonts w:ascii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24</w:t>
      </w:r>
      <w:r w:rsidR="00ED1A2D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r w:rsidR="00360500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актика:</w:t>
      </w:r>
      <w:r w:rsidR="003B1327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> </w:t>
      </w:r>
      <w:r w:rsidR="003B1327" w:rsidRPr="00ED1A2D">
        <w:rPr>
          <w:rFonts w:ascii="Times New Roman" w:hAnsi="Times New Roman" w:cs="Times New Roman"/>
          <w:b/>
          <w:bCs/>
          <w:color w:val="000000"/>
          <w:sz w:val="24"/>
          <w:szCs w:val="24"/>
          <w:lang w:eastAsia="ru-RU"/>
        </w:rPr>
        <w:t>«Дерево</w:t>
      </w:r>
      <w:r w:rsidR="00ED1A2D" w:rsidRPr="00ED1A2D">
        <w:rPr>
          <w:rFonts w:ascii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3B1327" w:rsidRPr="00ED1A2D">
        <w:rPr>
          <w:rFonts w:ascii="Times New Roman" w:hAnsi="Times New Roman" w:cs="Times New Roman"/>
          <w:b/>
          <w:bCs/>
          <w:color w:val="000000"/>
          <w:sz w:val="24"/>
          <w:szCs w:val="24"/>
          <w:lang w:eastAsia="ru-RU"/>
        </w:rPr>
        <w:t>желаний»</w:t>
      </w:r>
      <w:r>
        <w:rPr>
          <w:rFonts w:ascii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3B61FE" w:rsidRPr="00ED1A2D">
        <w:rPr>
          <w:rFonts w:ascii="Times New Roman" w:hAnsi="Times New Roman" w:cs="Times New Roman"/>
          <w:b/>
          <w:bCs/>
          <w:color w:val="000000"/>
          <w:sz w:val="24"/>
          <w:szCs w:val="24"/>
          <w:lang w:eastAsia="ru-RU"/>
        </w:rPr>
        <w:t>Работа из картона</w:t>
      </w:r>
      <w:r w:rsidR="00360500" w:rsidRPr="00ED1A2D">
        <w:rPr>
          <w:rFonts w:ascii="Times New Roman" w:hAnsi="Times New Roman" w:cs="Times New Roman"/>
          <w:b/>
          <w:bCs/>
          <w:color w:val="000000"/>
          <w:sz w:val="24"/>
          <w:szCs w:val="24"/>
          <w:lang w:eastAsia="ru-RU"/>
        </w:rPr>
        <w:t>-</w:t>
      </w:r>
      <w:r w:rsidR="00360500" w:rsidRPr="00ED1A2D">
        <w:rPr>
          <w:rFonts w:ascii="Times New Roman" w:hAnsi="Times New Roman" w:cs="Times New Roman"/>
          <w:bCs/>
          <w:color w:val="000000"/>
          <w:sz w:val="24"/>
          <w:szCs w:val="24"/>
          <w:lang w:eastAsia="ru-RU"/>
        </w:rPr>
        <w:t>1час</w:t>
      </w:r>
    </w:p>
    <w:p w:rsidR="00505708" w:rsidRPr="00ED1A2D" w:rsidRDefault="003B1327" w:rsidP="003B132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> Коллективная</w:t>
      </w:r>
      <w:r w:rsidR="006B11C4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>работа</w:t>
      </w:r>
      <w:r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br/>
        <w:t>Цель: учить вырезать из цветной бумаги сердечки и наклеив</w:t>
      </w:r>
      <w:r w:rsidR="00360500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 xml:space="preserve">ать их на картонную основу, </w:t>
      </w:r>
      <w:proofErr w:type="spellStart"/>
      <w:r w:rsidR="00360500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>каклисточки</w:t>
      </w:r>
      <w:r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>дерева</w:t>
      </w:r>
      <w:proofErr w:type="spellEnd"/>
      <w:r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>.</w:t>
      </w:r>
      <w:r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br/>
      </w:r>
    </w:p>
    <w:p w:rsidR="00505708" w:rsidRPr="009F0104" w:rsidRDefault="00302F73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</w:pPr>
      <w:r w:rsidRPr="009F0104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lastRenderedPageBreak/>
        <w:t>Декабрь</w:t>
      </w:r>
    </w:p>
    <w:p w:rsidR="001026D1" w:rsidRPr="00ED1A2D" w:rsidRDefault="006B11C4" w:rsidP="009E31DA">
      <w:pPr>
        <w:shd w:val="clear" w:color="auto" w:fill="FFFFFF"/>
        <w:spacing w:after="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25.</w:t>
      </w:r>
      <w:r w:rsidR="00047722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актика</w:t>
      </w:r>
      <w:r w:rsidR="00047722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:</w:t>
      </w:r>
      <w:r w:rsidR="001026D1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«</w:t>
      </w:r>
      <w:proofErr w:type="gramEnd"/>
      <w:r w:rsidR="001026D1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Пасхальноея</w:t>
      </w:r>
      <w:r w:rsidR="00047722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йцо»</w:t>
      </w:r>
      <w:r w:rsidR="003B61FE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изкартона</w:t>
      </w:r>
      <w:r w:rsidR="001026D1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1час</w:t>
      </w:r>
      <w:r w:rsidR="00F0299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  <w:t>цель: учить вырезать основы из картона, наклеивать тесьму и другие декор</w:t>
      </w:r>
      <w:r w:rsidR="001026D1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ативные </w:t>
      </w:r>
      <w:proofErr w:type="spellStart"/>
      <w:r w:rsidR="001026D1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элементы,приклеивать</w:t>
      </w:r>
      <w:proofErr w:type="spellEnd"/>
      <w:r w:rsidR="009E31DA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F0299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етельку.</w:t>
      </w:r>
      <w:r w:rsidR="00F0299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</w:r>
      <w:r w:rsidR="001026D1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2</w:t>
      </w: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6</w:t>
      </w:r>
      <w:r w:rsidR="001026D1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="003B61F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«Открытка для </w:t>
      </w:r>
      <w:proofErr w:type="spellStart"/>
      <w:r w:rsidR="003B61F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папына</w:t>
      </w:r>
      <w:proofErr w:type="spellEnd"/>
      <w:r w:rsidR="003B61F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23 февраля»</w:t>
      </w:r>
      <w:r w:rsidR="001026D1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- </w:t>
      </w:r>
      <w:r w:rsidR="001026D1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час</w:t>
      </w:r>
    </w:p>
    <w:p w:rsidR="001026D1" w:rsidRPr="00ED1A2D" w:rsidRDefault="001026D1" w:rsidP="001026D1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собирать открытку из составных частей. Учить вырезать заданную форму из картона, складывать по намеченным линиям до получения нужной формы.</w:t>
      </w:r>
    </w:p>
    <w:p w:rsidR="001026D1" w:rsidRPr="00ED1A2D" w:rsidRDefault="006B11C4" w:rsidP="001026D1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27.</w:t>
      </w:r>
      <w:r w:rsidR="001026D1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.Практика: </w:t>
      </w:r>
      <w:r w:rsidR="001026D1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Открытка «Валентинка» в форме сердечка-</w:t>
      </w:r>
      <w:r w:rsidR="001026D1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</w:t>
      </w:r>
    </w:p>
    <w:p w:rsidR="001026D1" w:rsidRPr="00ED1A2D" w:rsidRDefault="001026D1" w:rsidP="001026D1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proofErr w:type="gram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:</w:t>
      </w:r>
      <w:proofErr w:type="gram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учить вырезать сердечки из картона и бумаги. Склеивать детали между собой.</w:t>
      </w:r>
    </w:p>
    <w:p w:rsidR="00CE0BE3" w:rsidRPr="00ED1A2D" w:rsidRDefault="006B11C4" w:rsidP="001026D1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28. </w:t>
      </w:r>
      <w:r w:rsidR="00CE0BE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Практика: </w:t>
      </w:r>
      <w:r w:rsidR="001026D1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Новогодняя открытка с елочкой</w:t>
      </w:r>
      <w:r w:rsidR="00CE0BE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 -</w:t>
      </w:r>
      <w:r w:rsidR="00CE0BE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час.</w:t>
      </w:r>
    </w:p>
    <w:p w:rsidR="00CE0BE3" w:rsidRPr="00ED1A2D" w:rsidRDefault="00CE0BE3" w:rsidP="001026D1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 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Метод</w:t>
      </w:r>
      <w:r w:rsidR="001026D1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вырезания из сложенного пополам прямоугольника и склеивания ½ детали.</w:t>
      </w:r>
    </w:p>
    <w:p w:rsidR="00CE0BE3" w:rsidRDefault="006B11C4" w:rsidP="00CE0BE3">
      <w:pPr>
        <w:spacing w:after="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29</w:t>
      </w:r>
      <w:r w:rsidR="00CE0BE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Практика:</w:t>
      </w:r>
      <w:r w:rsidR="0065700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proofErr w:type="gramStart"/>
      <w:r w:rsidR="0065700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 Открытка</w:t>
      </w:r>
      <w:proofErr w:type="gramEnd"/>
      <w:r w:rsidR="00CE0BE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для мамы»</w:t>
      </w:r>
      <w:r w:rsidR="009E31DA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8477F2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из полосок </w:t>
      </w:r>
      <w:r w:rsidR="00CE0BE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- </w:t>
      </w:r>
      <w:r w:rsidR="00CE0BE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час</w:t>
      </w:r>
      <w:r w:rsidR="00CE0BE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</w:t>
      </w:r>
      <w:r w:rsidR="00CE0BE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  <w:t>цель : учить резать цветную бумагу полосками, сворачивать в петельку, наклеивать на картонную основу по кругу, формируя лепестки цветка.</w:t>
      </w:r>
    </w:p>
    <w:p w:rsidR="006B11C4" w:rsidRPr="004F6EBF" w:rsidRDefault="006B11C4" w:rsidP="004F6EBF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0.</w:t>
      </w:r>
      <w:r w:rsidR="004F6EBF" w:rsidRPr="004F6EBF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 xml:space="preserve"> </w:t>
      </w:r>
      <w:r w:rsidR="004F6EBF" w:rsidRPr="00C63E4F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«Цветы из полосок». Аппликация</w:t>
      </w:r>
    </w:p>
    <w:p w:rsidR="00CE0BE3" w:rsidRPr="00ED1A2D" w:rsidRDefault="004F6EBF" w:rsidP="00CE0BE3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1</w:t>
      </w:r>
      <w:r w:rsidR="006B11C4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r w:rsidR="00CE0BE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Теория: </w:t>
      </w:r>
      <w:r w:rsidR="00CE0BE3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Знакомство с техникой торцевания</w:t>
      </w:r>
      <w:r w:rsidR="00CE0BE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</w:t>
      </w:r>
      <w:r w:rsidR="00360500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; Практика-1 час;</w:t>
      </w:r>
    </w:p>
    <w:p w:rsidR="00CE0BE3" w:rsidRPr="00ED1A2D" w:rsidRDefault="004F6EBF" w:rsidP="00CE0BE3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32</w:t>
      </w:r>
      <w:r w:rsidR="006B11C4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</w:t>
      </w:r>
      <w:r w:rsidR="00A633D6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Практика: </w:t>
      </w:r>
      <w:r w:rsidR="00CE0BE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Снеговик».</w:t>
      </w:r>
      <w:r w:rsidR="00CE0BE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Аппликация методом торцевания – 1 час</w:t>
      </w:r>
    </w:p>
    <w:p w:rsidR="00CE0BE3" w:rsidRPr="00ED1A2D" w:rsidRDefault="00CE0BE3" w:rsidP="00CE0BE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нарезать цветную бумагу на квадратики по 2см.создавать</w:t>
      </w:r>
      <w:r w:rsidR="009E31DA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proofErr w:type="spell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торцевальные</w:t>
      </w:r>
      <w:proofErr w:type="spell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элементы и наклеивать на картон.</w:t>
      </w:r>
    </w:p>
    <w:p w:rsidR="00CE0BE3" w:rsidRPr="00ED1A2D" w:rsidRDefault="00CE0BE3" w:rsidP="00CE0BE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олучать задуманный рисунок.</w:t>
      </w:r>
    </w:p>
    <w:p w:rsidR="00CE0BE3" w:rsidRPr="00ED1A2D" w:rsidRDefault="004F6EBF" w:rsidP="00CE0BE3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sz w:val="24"/>
          <w:szCs w:val="24"/>
          <w:lang w:eastAsia="ru-RU"/>
        </w:rPr>
        <w:t>33</w:t>
      </w:r>
      <w:r w:rsidR="00CE0BE3" w:rsidRPr="00ED1A2D">
        <w:rPr>
          <w:rFonts w:ascii="Times New Roman" w:eastAsia="Times New Roman" w:hAnsi="Times New Roman" w:cs="Times New Roman"/>
          <w:sz w:val="24"/>
          <w:szCs w:val="24"/>
          <w:lang w:eastAsia="ru-RU"/>
        </w:rPr>
        <w:t>.</w:t>
      </w:r>
      <w:r w:rsidR="002B45F5" w:rsidRPr="00ED1A2D">
        <w:rPr>
          <w:rFonts w:ascii="Times New Roman" w:eastAsia="Times New Roman" w:hAnsi="Times New Roman" w:cs="Times New Roman"/>
          <w:sz w:val="24"/>
          <w:szCs w:val="24"/>
          <w:lang w:eastAsia="ru-RU"/>
        </w:rPr>
        <w:t>Теория:</w:t>
      </w:r>
      <w:r w:rsidR="00CE0BE3" w:rsidRPr="00ED1A2D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Объемные поделки из бумаги</w:t>
      </w:r>
      <w:r w:rsidR="002B45F5" w:rsidRPr="00ED1A2D">
        <w:rPr>
          <w:rFonts w:ascii="Times New Roman" w:eastAsia="Times New Roman" w:hAnsi="Times New Roman" w:cs="Times New Roman"/>
          <w:sz w:val="24"/>
          <w:szCs w:val="24"/>
          <w:lang w:eastAsia="ru-RU"/>
        </w:rPr>
        <w:t xml:space="preserve"> – 1 час</w:t>
      </w:r>
      <w:r w:rsidR="0049182D" w:rsidRPr="00ED1A2D">
        <w:rPr>
          <w:rFonts w:ascii="Times New Roman" w:eastAsia="Times New Roman" w:hAnsi="Times New Roman" w:cs="Times New Roman"/>
          <w:sz w:val="24"/>
          <w:szCs w:val="24"/>
          <w:lang w:eastAsia="ru-RU"/>
        </w:rPr>
        <w:t>; Практика-13 час;</w:t>
      </w:r>
    </w:p>
    <w:p w:rsidR="00622693" w:rsidRPr="00ED1A2D" w:rsidRDefault="00622693" w:rsidP="002B45F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</w:p>
    <w:p w:rsidR="00622693" w:rsidRPr="009F0104" w:rsidRDefault="00302F73" w:rsidP="002B45F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 w:rsidRPr="009F0104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Январь</w:t>
      </w:r>
    </w:p>
    <w:p w:rsidR="002B45F5" w:rsidRPr="00ED1A2D" w:rsidRDefault="004F6EBF" w:rsidP="002B45F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4.</w:t>
      </w:r>
      <w:r w:rsidR="0062269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proofErr w:type="gramEnd"/>
      <w:r w:rsidR="002B45F5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актика:</w:t>
      </w:r>
      <w:r w:rsidR="002B45F5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Цветок</w:t>
      </w:r>
      <w:r w:rsidR="008477F2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 конусов</w:t>
      </w:r>
      <w:r w:rsidR="002B45F5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. </w:t>
      </w:r>
      <w:r w:rsidR="002B45F5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з цветной бумаги методом сворачивания квадрата в конус и склеивания конусов между собой.</w:t>
      </w:r>
    </w:p>
    <w:p w:rsidR="002B45F5" w:rsidRPr="00ED1A2D" w:rsidRDefault="002B45F5" w:rsidP="002B45F5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делать конус из квадрата. Собирать все элементы в цветок.</w:t>
      </w:r>
    </w:p>
    <w:p w:rsidR="002B45F5" w:rsidRPr="00ED1A2D" w:rsidRDefault="002B45F5" w:rsidP="002B45F5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Быть аккуратным в работе с клеем.</w:t>
      </w:r>
    </w:p>
    <w:p w:rsidR="002B45F5" w:rsidRPr="00ED1A2D" w:rsidRDefault="004F6EBF" w:rsidP="002B45F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35</w:t>
      </w:r>
      <w:r w:rsidR="002B45F5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.</w:t>
      </w:r>
      <w:proofErr w:type="gramEnd"/>
      <w:r w:rsidR="002B45F5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Снежинки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 кругов, </w:t>
      </w:r>
      <w:proofErr w:type="spellStart"/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кваратиков</w:t>
      </w:r>
      <w:proofErr w:type="spellEnd"/>
      <w:r w:rsidR="002B45F5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» </w:t>
      </w:r>
      <w:r w:rsidR="002B45F5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- 1 час</w:t>
      </w:r>
    </w:p>
    <w:p w:rsidR="002B45F5" w:rsidRPr="00ED1A2D" w:rsidRDefault="002B45F5" w:rsidP="002B45F5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складывать лист бумаги в квадрат, получать из квадрата треугольник нужного размера.</w:t>
      </w:r>
    </w:p>
    <w:p w:rsidR="002B45F5" w:rsidRPr="00ED1A2D" w:rsidRDefault="00622693" w:rsidP="002B45F5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</w:t>
      </w:r>
      <w:r w:rsidR="004F6EBF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6</w:t>
      </w:r>
      <w:r w:rsidR="002B45F5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r w:rsidR="002B45F5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.</w:t>
      </w:r>
      <w:r w:rsidR="00302F7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Практика: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«</w:t>
      </w:r>
      <w:r w:rsidR="002B45F5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Гирлянда из цветной бумаг</w:t>
      </w:r>
      <w:r w:rsidR="00302F7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и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 w:rsidR="00302F7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- 1 час</w:t>
      </w:r>
    </w:p>
    <w:p w:rsidR="002B45F5" w:rsidRPr="00ED1A2D" w:rsidRDefault="002B45F5" w:rsidP="002B45F5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Цель: Учить нарезать бумагу на полосы и склеивать в колечко и собирать в гирлянду.         </w:t>
      </w:r>
      <w:r w:rsidR="004F6EBF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7.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proofErr w:type="spellStart"/>
      <w:proofErr w:type="gram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актика:Коллективная</w:t>
      </w:r>
      <w:proofErr w:type="spellEnd"/>
      <w:proofErr w:type="gram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работа </w:t>
      </w:r>
      <w:r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Елочка-красавица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 петелек</w:t>
      </w:r>
      <w:r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- 1час</w:t>
      </w:r>
    </w:p>
    <w:p w:rsidR="002B45F5" w:rsidRPr="00ED1A2D" w:rsidRDefault="002B45F5" w:rsidP="002B45F5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воспитывать интерес к коллективной работе.</w:t>
      </w:r>
    </w:p>
    <w:p w:rsidR="002B45F5" w:rsidRPr="00ED1A2D" w:rsidRDefault="002B45F5" w:rsidP="002B45F5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Учить выполнять общую композицию в аппликации.</w:t>
      </w:r>
    </w:p>
    <w:p w:rsidR="0057236B" w:rsidRPr="00ED1A2D" w:rsidRDefault="004F6EBF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8</w:t>
      </w:r>
      <w:r w:rsidR="0057236B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Практика:</w:t>
      </w:r>
      <w:r w:rsidR="0057236B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proofErr w:type="gramEnd"/>
      <w:r w:rsidR="0057236B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Ёлочка»</w:t>
      </w:r>
      <w:r w:rsidR="0057236B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елочное украшение.</w:t>
      </w:r>
    </w:p>
    <w:p w:rsidR="0057236B" w:rsidRPr="00ED1A2D" w:rsidRDefault="0057236B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вырезать из цветной бумаги заданную форму методом сложения пополам.</w:t>
      </w:r>
    </w:p>
    <w:p w:rsidR="0057236B" w:rsidRPr="00ED1A2D" w:rsidRDefault="0057236B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Склеивать между собой половинки деталей.</w:t>
      </w:r>
    </w:p>
    <w:p w:rsidR="0057236B" w:rsidRPr="00ED1A2D" w:rsidRDefault="004F6EBF" w:rsidP="0057236B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9</w:t>
      </w:r>
      <w:r w:rsidR="0057236B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Практика:.</w:t>
      </w:r>
      <w:proofErr w:type="gramEnd"/>
      <w:r w:rsidR="0057236B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Ёжик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</w:t>
      </w:r>
      <w:r w:rsidR="00633B24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бумаги</w:t>
      </w:r>
      <w:r w:rsidR="0057236B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-</w:t>
      </w:r>
      <w:r w:rsidR="0057236B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час</w:t>
      </w:r>
    </w:p>
    <w:p w:rsidR="0057236B" w:rsidRPr="00ED1A2D" w:rsidRDefault="0057236B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создавать игрушку из составных частей.</w:t>
      </w:r>
    </w:p>
    <w:p w:rsidR="0057236B" w:rsidRPr="00ED1A2D" w:rsidRDefault="0057236B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Закреплять умение нарезать бумагу, сложенную в несколько слоев.</w:t>
      </w:r>
    </w:p>
    <w:p w:rsidR="0057236B" w:rsidRPr="00ED1A2D" w:rsidRDefault="0057236B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Аккуратно наклеивать детали на картонную </w:t>
      </w:r>
      <w:proofErr w:type="gram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основу..</w:t>
      </w:r>
      <w:proofErr w:type="gramEnd"/>
    </w:p>
    <w:p w:rsidR="0057236B" w:rsidRPr="00ED1A2D" w:rsidRDefault="004F6EBF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40.</w:t>
      </w:r>
      <w:r w:rsidR="0057236B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Практика:</w:t>
      </w:r>
      <w:r w:rsidR="0057236B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«Ёлочные  шары»</w:t>
      </w:r>
      <w:r w:rsidR="0057236B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- 1 час.  </w:t>
      </w:r>
    </w:p>
    <w:p w:rsidR="0057236B" w:rsidRPr="00ED1A2D" w:rsidRDefault="0057236B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Цветная бумага-  методом склеивания ½ круга между собой.</w:t>
      </w:r>
    </w:p>
    <w:p w:rsidR="0057236B" w:rsidRPr="00ED1A2D" w:rsidRDefault="0057236B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вырезать окружность, делить круг пополам и склеивать между собой.</w:t>
      </w:r>
    </w:p>
    <w:p w:rsidR="00622693" w:rsidRPr="00ED1A2D" w:rsidRDefault="00622693" w:rsidP="0057236B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</w:p>
    <w:p w:rsidR="00622693" w:rsidRPr="009F0104" w:rsidRDefault="00302F73" w:rsidP="0057236B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 w:rsidRPr="009F0104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Февраль</w:t>
      </w:r>
    </w:p>
    <w:p w:rsidR="00622693" w:rsidRPr="009F0104" w:rsidRDefault="00622693" w:rsidP="0057236B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</w:p>
    <w:p w:rsidR="0057236B" w:rsidRPr="00ED1A2D" w:rsidRDefault="004A42AC" w:rsidP="0057236B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4F6EBF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4</w:t>
      </w:r>
      <w:r w:rsidR="00633B2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</w:t>
      </w:r>
      <w:r w:rsidR="00F0369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актика:</w:t>
      </w:r>
      <w:r w:rsidR="0057236B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«Берёза».</w:t>
      </w:r>
      <w:r w:rsidR="0057236B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Коллективная работа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</w:t>
      </w:r>
    </w:p>
    <w:p w:rsidR="0057236B" w:rsidRPr="00ED1A2D" w:rsidRDefault="0057236B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lastRenderedPageBreak/>
        <w:t>Цель: Учить отрывать мелкие кусочки от листа цветной бумаги, наклеивать на основу.  </w:t>
      </w:r>
    </w:p>
    <w:p w:rsidR="0057236B" w:rsidRPr="00ED1A2D" w:rsidRDefault="0057236B" w:rsidP="0057236B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Вызвать желание работать вместе.</w:t>
      </w:r>
    </w:p>
    <w:p w:rsidR="00633B24" w:rsidRPr="00ED1A2D" w:rsidRDefault="004F6EBF" w:rsidP="00633B24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4</w:t>
      </w:r>
      <w:r w:rsidR="00633B24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2</w:t>
      </w:r>
      <w:r w:rsidR="004A42AC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="00406947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 </w:t>
      </w:r>
      <w:r w:rsidR="004A42AC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Лисенок</w:t>
      </w:r>
      <w:r w:rsidR="00633B24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из</w:t>
      </w:r>
      <w:r w:rsidR="00406947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ладошек»</w:t>
      </w:r>
      <w:r w:rsidR="004A42A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Коллективнаяработа-1час</w:t>
      </w:r>
      <w:r w:rsidR="004A42A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  <w:t xml:space="preserve">Цель: учить обводить ладошки и вырезать. Собирать </w:t>
      </w:r>
      <w:r w:rsidR="00633B2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детали в единый образ лисенка.</w:t>
      </w:r>
      <w:r w:rsidR="00633B2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4</w:t>
      </w:r>
      <w:r w:rsidR="00633B2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3</w:t>
      </w:r>
      <w:r w:rsidR="004A42A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.Практика: </w:t>
      </w:r>
      <w:r w:rsidR="004A42AC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proofErr w:type="spellStart"/>
      <w:r w:rsidR="004A42AC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Капитошка</w:t>
      </w:r>
      <w:proofErr w:type="spellEnd"/>
      <w:r w:rsidR="00633B24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из</w:t>
      </w:r>
      <w:r w:rsidR="00406947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E82D99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ладошек</w:t>
      </w:r>
      <w:r w:rsidR="004A42AC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 w:rsidR="004A42A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</w:t>
      </w:r>
      <w:proofErr w:type="spellStart"/>
      <w:r w:rsidR="004A42A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Коллективнаяработа</w:t>
      </w:r>
      <w:proofErr w:type="spellEnd"/>
      <w:r w:rsidR="004A42A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–1час</w:t>
      </w:r>
      <w:r w:rsidR="004A42A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  <w:t>цель: учить обводить ладошки и вырезать из бумаги белого и голубого цветов. Собирать детали в единый образ Зайчика.</w:t>
      </w:r>
      <w:r w:rsidR="004A42AC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</w: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4</w:t>
      </w:r>
      <w:r w:rsidR="00633B24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4</w:t>
      </w:r>
      <w:r w:rsidR="004A42AC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="004A42AC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> </w:t>
      </w:r>
      <w:r w:rsidR="004D443D" w:rsidRPr="00ED1A2D">
        <w:rPr>
          <w:rFonts w:ascii="Times New Roman" w:hAnsi="Times New Roman" w:cs="Times New Roman"/>
          <w:b/>
          <w:bCs/>
          <w:color w:val="000000"/>
          <w:sz w:val="24"/>
          <w:szCs w:val="24"/>
          <w:lang w:eastAsia="ru-RU"/>
        </w:rPr>
        <w:t>«Поле цветов из геометрических фигур</w:t>
      </w:r>
      <w:r w:rsidR="004A42AC" w:rsidRPr="00ED1A2D">
        <w:rPr>
          <w:rFonts w:ascii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 w:rsidR="004A42AC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> Коллективнаяработа-1час</w:t>
      </w:r>
      <w:r w:rsidR="004A42AC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br/>
        <w:t>Цель: учить вырезать заданную форму, из сложенного пополам прямоугольника, треугольника, круга. Повторить геометрические фигуры.</w:t>
      </w:r>
      <w:r w:rsidR="004A42AC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br/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4</w:t>
      </w:r>
      <w:r w:rsidR="00633B2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5. Практика: </w:t>
      </w:r>
      <w:r w:rsidR="00633B24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«Котенок из конуса»-</w:t>
      </w:r>
      <w:r w:rsidR="00633B2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1 час</w:t>
      </w:r>
    </w:p>
    <w:p w:rsidR="00633B24" w:rsidRPr="00ED1A2D" w:rsidRDefault="004F6EBF" w:rsidP="00633B24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4</w:t>
      </w:r>
      <w:r w:rsidR="00633B2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6. Практика</w:t>
      </w:r>
      <w:r w:rsidR="00633B24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: «Собачка из конуса»-</w:t>
      </w:r>
      <w:r w:rsidR="00633B2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1 час</w:t>
      </w:r>
    </w:p>
    <w:p w:rsidR="00633B24" w:rsidRPr="00ED1A2D" w:rsidRDefault="00633B24" w:rsidP="00633B24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</w:p>
    <w:p w:rsidR="00622693" w:rsidRPr="00ED1A2D" w:rsidRDefault="004F6EBF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4</w:t>
      </w:r>
      <w:r w:rsidR="00633B24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7.</w:t>
      </w:r>
      <w:r w:rsidR="0062269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Теория</w:t>
      </w:r>
      <w:r w:rsidR="0062269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: Поделки из салфеток и фольги. Знакомство свойствами фольги и салфетки</w:t>
      </w:r>
      <w:r w:rsidR="0062269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- 1 час</w:t>
      </w:r>
      <w:r w:rsidR="00633B24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; </w:t>
      </w:r>
    </w:p>
    <w:p w:rsidR="00F03694" w:rsidRPr="00ED1A2D" w:rsidRDefault="00F03694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</w:p>
    <w:p w:rsidR="00622693" w:rsidRPr="00ED1A2D" w:rsidRDefault="004F6EBF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4</w:t>
      </w:r>
      <w:r w:rsidR="00633B24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8</w:t>
      </w:r>
      <w:r w:rsidR="0062269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 </w:t>
      </w:r>
      <w:r w:rsidR="0062269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Гирлянда из снежинок»</w:t>
      </w:r>
      <w:r w:rsidR="009B0DB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 са</w:t>
      </w:r>
      <w:r w:rsidR="004A7E3E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л</w:t>
      </w:r>
      <w:r w:rsidR="009B0DB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феток и фольги</w:t>
      </w:r>
      <w:r w:rsidR="0062269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- </w:t>
      </w:r>
      <w:r w:rsidR="0062269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.</w:t>
      </w:r>
    </w:p>
    <w:p w:rsidR="00622693" w:rsidRPr="00ED1A2D" w:rsidRDefault="00622693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Коллективная работа по изготовлению снежинок из салфеток и фольги.</w:t>
      </w:r>
    </w:p>
    <w:p w:rsidR="00622693" w:rsidRPr="00ED1A2D" w:rsidRDefault="00622693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воспитывать интерес к коллективной работе. Учить складывать квадратную салфетку на 4 части и получать из квадрата треугольник. Аккуратно наклеивать детали на картонную основу.</w:t>
      </w:r>
    </w:p>
    <w:p w:rsidR="00633B24" w:rsidRPr="00ED1A2D" w:rsidRDefault="00633B24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</w:p>
    <w:p w:rsidR="00633B24" w:rsidRPr="009F0104" w:rsidRDefault="00633B24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 w:rsidRPr="009F0104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Март</w:t>
      </w:r>
    </w:p>
    <w:p w:rsidR="00A633D6" w:rsidRPr="00ED1A2D" w:rsidRDefault="00A633D6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</w:p>
    <w:p w:rsidR="00622693" w:rsidRPr="00ED1A2D" w:rsidRDefault="004F6EBF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49</w:t>
      </w:r>
      <w:r w:rsidR="0062269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="0062269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«Снеговик из салфеток»</w:t>
      </w:r>
      <w:r w:rsidR="0062269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- 1 час</w:t>
      </w:r>
    </w:p>
    <w:p w:rsidR="00622693" w:rsidRPr="00ED1A2D" w:rsidRDefault="00622693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получать шар из салфеток, промазывая клеем до получения нужных размеров и формы. Проявлять фантазию. Вызвать желание сделать поделку.</w:t>
      </w:r>
    </w:p>
    <w:p w:rsidR="00622693" w:rsidRPr="00ED1A2D" w:rsidRDefault="004F6EBF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50</w:t>
      </w:r>
      <w:r w:rsidR="0062269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Практика: </w:t>
      </w:r>
      <w:r w:rsidR="0062269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«Ёлочка из салфеток»- </w:t>
      </w:r>
      <w:r w:rsidR="0062269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</w:t>
      </w:r>
    </w:p>
    <w:p w:rsidR="00622693" w:rsidRPr="00ED1A2D" w:rsidRDefault="00622693" w:rsidP="00622693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получать конус из картона. Резать многослойную салфетку и получать ажурный цветок. Наклеивать многослойные элементы в виде цветка на конус.</w:t>
      </w:r>
    </w:p>
    <w:p w:rsidR="00B01A1E" w:rsidRPr="00ED1A2D" w:rsidRDefault="004F6EBF" w:rsidP="00B01A1E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sz w:val="24"/>
          <w:szCs w:val="24"/>
          <w:lang w:eastAsia="ru-RU"/>
        </w:rPr>
        <w:t>51</w:t>
      </w:r>
      <w:r w:rsidR="00633B24" w:rsidRPr="00ED1A2D">
        <w:rPr>
          <w:rFonts w:ascii="Times New Roman" w:eastAsia="Times New Roman" w:hAnsi="Times New Roman" w:cs="Times New Roman"/>
          <w:sz w:val="24"/>
          <w:szCs w:val="24"/>
          <w:lang w:eastAsia="ru-RU"/>
        </w:rPr>
        <w:t>.</w:t>
      </w:r>
      <w:r w:rsidR="00B01A1E" w:rsidRPr="00ED1A2D">
        <w:rPr>
          <w:rFonts w:ascii="Times New Roman" w:eastAsia="Times New Roman" w:hAnsi="Times New Roman" w:cs="Times New Roman"/>
          <w:sz w:val="24"/>
          <w:szCs w:val="24"/>
          <w:lang w:eastAsia="ru-RU"/>
        </w:rPr>
        <w:t>.</w:t>
      </w:r>
      <w:proofErr w:type="gramEnd"/>
      <w:r w:rsidR="00B01A1E" w:rsidRPr="00ED1A2D">
        <w:rPr>
          <w:rFonts w:ascii="Times New Roman" w:eastAsia="Times New Roman" w:hAnsi="Times New Roman" w:cs="Times New Roman"/>
          <w:sz w:val="24"/>
          <w:szCs w:val="24"/>
          <w:lang w:eastAsia="ru-RU"/>
        </w:rPr>
        <w:t>Практика:</w:t>
      </w:r>
      <w:r w:rsidR="00B01A1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Солнышко</w:t>
      </w:r>
      <w:r w:rsidR="009B0DB3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 салфеток</w:t>
      </w:r>
      <w:r w:rsidR="00B01A1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»- </w:t>
      </w:r>
      <w:r w:rsidR="00B01A1E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.</w:t>
      </w:r>
    </w:p>
    <w:p w:rsidR="00B01A1E" w:rsidRPr="00ED1A2D" w:rsidRDefault="00B01A1E" w:rsidP="00B01A1E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Аппликация из салфеток методом мокрого скручивания.</w:t>
      </w:r>
    </w:p>
    <w:p w:rsidR="00B01A1E" w:rsidRPr="00ED1A2D" w:rsidRDefault="00B01A1E" w:rsidP="00B01A1E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скручивать кусочки салфеток в шарик и наклеивать его на картон.</w:t>
      </w:r>
    </w:p>
    <w:p w:rsidR="00B01A1E" w:rsidRPr="00ED1A2D" w:rsidRDefault="00B01A1E" w:rsidP="00B01A1E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Вызвать желание создать рисунок.  </w:t>
      </w:r>
    </w:p>
    <w:p w:rsidR="00B01A1E" w:rsidRPr="00ED1A2D" w:rsidRDefault="004F6EBF" w:rsidP="00B01A1E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52</w:t>
      </w:r>
      <w:r w:rsidR="00B01A1E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="00B01A1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proofErr w:type="gramEnd"/>
      <w:r w:rsidR="00B01A1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Букет для мамы»- </w:t>
      </w:r>
      <w:r w:rsidR="00B01A1E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.</w:t>
      </w:r>
    </w:p>
    <w:p w:rsidR="00B01A1E" w:rsidRPr="00ED1A2D" w:rsidRDefault="00B01A1E" w:rsidP="00B01A1E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 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оделка из салфеток и диска DVD.</w:t>
      </w:r>
    </w:p>
    <w:p w:rsidR="00B01A1E" w:rsidRPr="00ED1A2D" w:rsidRDefault="00B01A1E" w:rsidP="00B01A1E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резать многослойную салфетку по кругу и получать ажурный цветок, с помощью радиальных надрезов.</w:t>
      </w:r>
    </w:p>
    <w:p w:rsidR="00B01A1E" w:rsidRPr="00ED1A2D" w:rsidRDefault="00B01A1E" w:rsidP="00B01A1E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Собирать в композицию на диске.</w:t>
      </w:r>
    </w:p>
    <w:p w:rsidR="00B01A1E" w:rsidRPr="00ED1A2D" w:rsidRDefault="004F6EBF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53</w:t>
      </w:r>
      <w:r w:rsidR="00633B24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</w:t>
      </w:r>
      <w:r w:rsidR="00B01A1E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</w:t>
      </w:r>
      <w:proofErr w:type="gramEnd"/>
      <w:r w:rsidR="00B01A1E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Практика:</w:t>
      </w:r>
      <w:r w:rsidR="00B01A1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Цыплята»</w:t>
      </w:r>
      <w:r w:rsidR="00B01A1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аппликация</w:t>
      </w:r>
      <w:r w:rsidR="009B0DB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из салфеток</w:t>
      </w:r>
      <w:r w:rsidR="00B01A1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1час</w:t>
      </w:r>
      <w:r w:rsidR="00B01A1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  <w:t>Цель: учить скручивать салфетку в шарик, смачивая и наклеивая на рисунок. Вызвать желание</w:t>
      </w:r>
      <w:r w:rsidR="00F7488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01A1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зготовить</w:t>
      </w:r>
      <w:r w:rsidR="00F7488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01A1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оделку.</w:t>
      </w:r>
      <w:r w:rsidR="00B01A1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 </w:t>
      </w:r>
    </w:p>
    <w:p w:rsidR="0057236B" w:rsidRPr="00ED1A2D" w:rsidRDefault="00B312A6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54</w:t>
      </w:r>
      <w:r w:rsidR="00B01A1E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="00B01A1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proofErr w:type="gramEnd"/>
      <w:r w:rsidR="00B01A1E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Цыпленок»</w:t>
      </w:r>
      <w:r w:rsidR="00B01A1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Аппликация</w:t>
      </w:r>
      <w:r w:rsidR="0043784D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зсалфеток</w:t>
      </w:r>
      <w:r w:rsidR="00B01A1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1час</w:t>
      </w:r>
      <w:r w:rsidR="00B01A1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  <w:t>Цель: учить вырезать многослойную салфетку по кругу, делать радиальные надрезы. Располагать  детали по контуру, формируя образ цыпленка.</w:t>
      </w:r>
      <w:r w:rsidR="00B01A1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55</w:t>
      </w:r>
      <w:r w:rsidR="006262E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Практика:</w:t>
      </w:r>
      <w:r w:rsidR="006262E7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t> </w:t>
      </w:r>
      <w:r w:rsidR="006262E7" w:rsidRPr="00ED1A2D">
        <w:rPr>
          <w:rFonts w:ascii="Times New Roman" w:hAnsi="Times New Roman" w:cs="Times New Roman"/>
          <w:b/>
          <w:bCs/>
          <w:color w:val="000000"/>
          <w:sz w:val="24"/>
          <w:szCs w:val="24"/>
          <w:lang w:eastAsia="ru-RU"/>
        </w:rPr>
        <w:t>«Гвоздика»-</w:t>
      </w:r>
      <w:r w:rsidR="006262E7" w:rsidRPr="00ED1A2D">
        <w:rPr>
          <w:rFonts w:ascii="Times New Roman" w:hAnsi="Times New Roman" w:cs="Times New Roman"/>
          <w:bCs/>
          <w:color w:val="000000"/>
          <w:sz w:val="24"/>
          <w:szCs w:val="24"/>
          <w:lang w:eastAsia="ru-RU"/>
        </w:rPr>
        <w:t>1час</w:t>
      </w:r>
      <w:r w:rsidR="006262E7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br/>
        <w:t>Цель: учить резать многослойную салфетку и собирать в цветок.</w:t>
      </w:r>
      <w:r w:rsidR="006262E7" w:rsidRPr="00ED1A2D">
        <w:rPr>
          <w:rFonts w:ascii="Times New Roman" w:hAnsi="Times New Roman" w:cs="Times New Roman"/>
          <w:color w:val="000000"/>
          <w:sz w:val="24"/>
          <w:szCs w:val="24"/>
          <w:lang w:eastAsia="ru-RU"/>
        </w:rPr>
        <w:br/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56</w:t>
      </w:r>
      <w:r w:rsidR="00A12B5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.Практика </w:t>
      </w:r>
      <w:r w:rsidR="00A12B54" w:rsidRPr="00ED1A2D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«Цветы из фольги»-</w:t>
      </w:r>
      <w:r w:rsidR="00A12B5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1час</w:t>
      </w:r>
    </w:p>
    <w:p w:rsidR="00A12B54" w:rsidRPr="00ED1A2D" w:rsidRDefault="00A12B54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научить работать с фольгой</w:t>
      </w:r>
      <w:r w:rsidR="00F7488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(сминать, скручивать</w:t>
      </w:r>
      <w:r w:rsidR="00F74884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proofErr w:type="gram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жгутики)и</w:t>
      </w:r>
      <w:proofErr w:type="gram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т.д.</w:t>
      </w:r>
    </w:p>
    <w:p w:rsidR="00633B24" w:rsidRPr="00ED1A2D" w:rsidRDefault="00633B24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</w:p>
    <w:p w:rsidR="00633B24" w:rsidRPr="009F0104" w:rsidRDefault="00633B24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 w:rsidRPr="009F0104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Апрель</w:t>
      </w:r>
    </w:p>
    <w:p w:rsidR="00A12B54" w:rsidRPr="00ED1A2D" w:rsidRDefault="00A12B54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</w:p>
    <w:p w:rsidR="0057236B" w:rsidRPr="00ED1A2D" w:rsidRDefault="00B312A6" w:rsidP="004336E5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57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Теория: Знакомство с техникой работы с пластилином. Свойства пластилина-1</w:t>
      </w:r>
      <w:proofErr w:type="gramStart"/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час</w:t>
      </w:r>
      <w:r w:rsidR="00947521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;Практика</w:t>
      </w:r>
      <w:proofErr w:type="gramEnd"/>
      <w:r w:rsidR="00947521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-6час;</w:t>
      </w:r>
    </w:p>
    <w:p w:rsidR="006262E7" w:rsidRPr="00ED1A2D" w:rsidRDefault="00B312A6" w:rsidP="006262E7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58</w:t>
      </w:r>
      <w:r w:rsidR="00633B24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="006262E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</w:t>
      </w:r>
      <w:r w:rsidR="006262E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r w:rsidR="0010134A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Лепим мишутку</w:t>
      </w:r>
      <w:r w:rsidR="006262E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с корзиной»</w:t>
      </w:r>
      <w:r w:rsidR="0010134A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6262E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-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изображать фигуру медведя, закреплять детали между собой.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Упражнять в приёмах лепки: раскатывание, оттягивание, сглаживание мест скрепления.</w:t>
      </w:r>
    </w:p>
    <w:p w:rsidR="006262E7" w:rsidRPr="00ED1A2D" w:rsidRDefault="00B312A6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59</w:t>
      </w:r>
      <w:r w:rsidR="006262E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.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Практика:</w:t>
      </w:r>
      <w:r w:rsidR="006262E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proofErr w:type="gramEnd"/>
      <w:r w:rsidR="006262E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Ёжик»- 1 час.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 </w:t>
      </w:r>
      <w:r w:rsidR="006262E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Работа с природным материалом.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лепить ёжика и делать колючки из семечек.</w:t>
      </w:r>
    </w:p>
    <w:p w:rsidR="006262E7" w:rsidRPr="00ED1A2D" w:rsidRDefault="00B312A6" w:rsidP="006262E7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60.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 </w:t>
      </w:r>
      <w:r w:rsidR="0010134A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Лепка</w:t>
      </w: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 </w:t>
      </w:r>
      <w:r w:rsidR="006262E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Барашек»-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воспитывать любовь к животным, образное восприятие и представление.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Закреплять умение любовь лепить животное, передавая его характерные особенности </w:t>
      </w:r>
      <w:proofErr w:type="gram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( кудрявая</w:t>
      </w:r>
      <w:proofErr w:type="gram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шерсть, короткие ножки, закрученные рога).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Обрабатывать приемы лепки пальцами: </w:t>
      </w:r>
      <w:proofErr w:type="spell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ищипывание</w:t>
      </w:r>
      <w:proofErr w:type="spell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, оттягивание, закручивание плоскую спираль.</w:t>
      </w:r>
    </w:p>
    <w:p w:rsidR="006262E7" w:rsidRPr="00ED1A2D" w:rsidRDefault="00B312A6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61</w:t>
      </w:r>
      <w:r w:rsidR="004D31B1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 </w:t>
      </w:r>
      <w:r w:rsidR="0010134A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Лепка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</w:t>
      </w: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 </w:t>
      </w: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Барыня</w:t>
      </w:r>
      <w:r w:rsidR="006262E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 w:rsidR="004D31B1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-1 час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пер</w:t>
      </w:r>
      <w:r w:rsidR="00B312A6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едавать в лепке образ барышни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, оценивать свои работы.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Закреплять умение изображать фигуру человека (форму, расположение и величину частей).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Упражнять в приемах лепки: раскатывание, оттягивание, сглаживание мест скрепления.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Воспитывать стремление доводить начатое дело до конца.</w:t>
      </w:r>
    </w:p>
    <w:p w:rsidR="006262E7" w:rsidRPr="00ED1A2D" w:rsidRDefault="00633B24" w:rsidP="006262E7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6</w:t>
      </w:r>
      <w:r w:rsidR="00B312A6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2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 xml:space="preserve">.Практика: </w:t>
      </w:r>
      <w:r w:rsidR="00B312A6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proofErr w:type="spellStart"/>
      <w:r w:rsidR="00B312A6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Осьминожка</w:t>
      </w:r>
      <w:proofErr w:type="spellEnd"/>
      <w:r w:rsidR="00D85618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 скрученных жгутиков»</w:t>
      </w:r>
      <w:r w:rsidR="006262E7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-</w:t>
      </w:r>
      <w:r w:rsidR="006262E7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час</w:t>
      </w:r>
    </w:p>
    <w:p w:rsidR="00947521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Научить ярко и вы</w:t>
      </w:r>
      <w:r w:rsidR="00947521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разительно передавать с помощью пластилина 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задуманную форму «снежинки» на цветном картоне.</w:t>
      </w:r>
    </w:p>
    <w:p w:rsidR="006262E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</w:t>
      </w:r>
      <w:r w:rsidR="00B312A6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63</w:t>
      </w:r>
      <w:r w:rsidR="00302F73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 «Гусеница</w:t>
      </w:r>
      <w:r w:rsidR="00D85618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 пластилина</w:t>
      </w:r>
      <w:r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</w:t>
      </w:r>
      <w:r w:rsidR="00302F73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– 1 час</w:t>
      </w:r>
    </w:p>
    <w:p w:rsidR="00B53097" w:rsidRPr="00ED1A2D" w:rsidRDefault="006262E7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Цель: воспитывать любовь к насекомым, образное восприятие и    представление. Закрепить умение катать шарик, передавать особенности строения тела: заострённый хвостик, округлую головку. Отрабатывать приёмы лепки пальцами: </w:t>
      </w:r>
      <w:proofErr w:type="spell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ищипывание</w:t>
      </w:r>
      <w:proofErr w:type="spell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, оттягивание.</w:t>
      </w:r>
    </w:p>
    <w:p w:rsidR="00B53097" w:rsidRPr="00ED1A2D" w:rsidRDefault="00B312A6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64 </w:t>
      </w:r>
      <w:r w:rsidR="00B5309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Теория: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5309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Работа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5309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з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5309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бросового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5309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материала.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5309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Что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5309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такое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5309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бросовый</w:t>
      </w:r>
      <w:r w:rsidR="0049182D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материал1час</w:t>
      </w:r>
      <w:r w:rsidR="00947521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; Практика-7час;</w:t>
      </w:r>
    </w:p>
    <w:p w:rsidR="00517FF5" w:rsidRPr="00ED1A2D" w:rsidRDefault="00517FF5" w:rsidP="006262E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</w:p>
    <w:p w:rsidR="00517FF5" w:rsidRPr="009F0104" w:rsidRDefault="00517FF5" w:rsidP="002A095F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</w:pPr>
      <w:r w:rsidRPr="009F0104">
        <w:rPr>
          <w:rFonts w:ascii="Times New Roman" w:eastAsia="Times New Roman" w:hAnsi="Times New Roman" w:cs="Times New Roman"/>
          <w:b/>
          <w:color w:val="000000"/>
          <w:sz w:val="24"/>
          <w:szCs w:val="24"/>
          <w:lang w:eastAsia="ru-RU"/>
        </w:rPr>
        <w:t>Май</w:t>
      </w:r>
    </w:p>
    <w:p w:rsidR="002A095F" w:rsidRPr="00ED1A2D" w:rsidRDefault="00B312A6" w:rsidP="002A095F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65</w:t>
      </w:r>
      <w:r w:rsidR="00B53097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Практика:</w:t>
      </w:r>
      <w:r w:rsidR="00092F40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«</w:t>
      </w:r>
      <w:r w:rsidR="002A095F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Бабочка</w:t>
      </w:r>
      <w:r w:rsidR="00092F40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 фантика и бусин»</w:t>
      </w:r>
      <w:r w:rsidR="002A095F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- 1 час.</w:t>
      </w:r>
    </w:p>
    <w:p w:rsidR="002A095F" w:rsidRPr="00ED1A2D" w:rsidRDefault="002A095F" w:rsidP="002A095F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оделка из фантиков и бусин.</w:t>
      </w:r>
    </w:p>
    <w:p w:rsidR="00D6747E" w:rsidRPr="00ED1A2D" w:rsidRDefault="002A095F" w:rsidP="002A095F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сворачивать фантик гармошкой, закреплять проволокой. Украшать бусинам</w:t>
      </w:r>
      <w:r w:rsidR="00517FF5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;</w:t>
      </w:r>
    </w:p>
    <w:p w:rsidR="002A095F" w:rsidRPr="00ED1A2D" w:rsidRDefault="00B312A6" w:rsidP="002A095F">
      <w:pPr>
        <w:spacing w:after="0" w:line="240" w:lineRule="auto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proofErr w:type="gramStart"/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66</w:t>
      </w:r>
      <w:r w:rsidR="00D6747E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="002A095F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proofErr w:type="gramEnd"/>
      <w:r w:rsidR="002A095F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Куколка»-</w:t>
      </w:r>
      <w:r w:rsidR="002A095F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.</w:t>
      </w:r>
    </w:p>
    <w:p w:rsidR="002A095F" w:rsidRPr="00ED1A2D" w:rsidRDefault="002A095F" w:rsidP="002A095F">
      <w:pPr>
        <w:spacing w:after="0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 Поделка из </w:t>
      </w:r>
      <w:proofErr w:type="spellStart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чупа-чупса</w:t>
      </w:r>
      <w:proofErr w:type="spellEnd"/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и цветного картона.</w:t>
      </w:r>
    </w:p>
    <w:p w:rsidR="002A095F" w:rsidRPr="00ED1A2D" w:rsidRDefault="002A095F" w:rsidP="002A095F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получать из квадрата конус.</w:t>
      </w:r>
    </w:p>
    <w:p w:rsidR="002A095F" w:rsidRPr="00ED1A2D" w:rsidRDefault="002A095F" w:rsidP="002A095F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Видеть в конфете образ куколки.</w:t>
      </w:r>
    </w:p>
    <w:p w:rsidR="002A095F" w:rsidRPr="00ED1A2D" w:rsidRDefault="002A095F" w:rsidP="002A095F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оявлять фантазию. Декорировать конфетку.</w:t>
      </w:r>
    </w:p>
    <w:p w:rsidR="002A095F" w:rsidRPr="00ED1A2D" w:rsidRDefault="00B312A6" w:rsidP="002A095F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67</w:t>
      </w:r>
      <w:r w:rsidR="002A095F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.Практика:</w:t>
      </w:r>
      <w:r w:rsidR="002A095F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</w:t>
      </w:r>
      <w:r w:rsidR="002A095F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Машинка</w:t>
      </w:r>
      <w:r w:rsidR="00092F40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спичечных коробков</w:t>
      </w:r>
      <w:r w:rsidR="002A095F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 w:rsidR="002A095F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-  1 час</w:t>
      </w:r>
    </w:p>
    <w:p w:rsidR="002A095F" w:rsidRPr="00ED1A2D" w:rsidRDefault="002A095F" w:rsidP="002A095F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вызвать интерес к работе у детей, желание изготовить поделку-игрушку  </w:t>
      </w:r>
    </w:p>
    <w:p w:rsidR="002A095F" w:rsidRPr="00ED1A2D" w:rsidRDefault="002A095F" w:rsidP="002A095F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из втулки от туалетной бумаги.</w:t>
      </w:r>
    </w:p>
    <w:p w:rsidR="002A095F" w:rsidRPr="00ED1A2D" w:rsidRDefault="00B312A6" w:rsidP="002A095F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68. </w:t>
      </w:r>
      <w:r w:rsidR="002A095F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актика:</w:t>
      </w:r>
      <w:r w:rsidR="00324BCB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«Куколка</w:t>
      </w:r>
      <w:r w:rsidR="00092F40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 из ткани</w:t>
      </w:r>
      <w:r w:rsidR="002A095F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»</w:t>
      </w:r>
      <w:r w:rsidR="002A095F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- 1 час</w:t>
      </w:r>
    </w:p>
    <w:p w:rsidR="00B312A6" w:rsidRDefault="002A095F" w:rsidP="00B312A6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Цель: вызвать желание изготовить поделку-сувенир </w:t>
      </w:r>
      <w:r w:rsidR="00092F40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из остатков ткани</w:t>
      </w:r>
    </w:p>
    <w:p w:rsidR="00B312A6" w:rsidRPr="00ED1A2D" w:rsidRDefault="00092F40" w:rsidP="00B312A6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312A6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69. </w:t>
      </w:r>
      <w:r w:rsidR="00B312A6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Практика</w:t>
      </w:r>
      <w:r w:rsidR="00B312A6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="00B312A6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«Ромашки из ватных дисков»- </w:t>
      </w:r>
      <w:r w:rsidR="00B312A6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час.</w:t>
      </w:r>
    </w:p>
    <w:p w:rsidR="00092F40" w:rsidRPr="00ED1A2D" w:rsidRDefault="00B312A6" w:rsidP="00B312A6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Аппликация.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создавать сюжет картинки из ватных дисков, вырезать лепестки и листочки из дисков. Разукрашивать диски гуашью</w:t>
      </w:r>
    </w:p>
    <w:p w:rsidR="00092F40" w:rsidRPr="00ED1A2D" w:rsidRDefault="00B312A6" w:rsidP="002A095F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70.Практика</w:t>
      </w:r>
      <w:r w:rsidR="002A095F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 </w:t>
      </w:r>
      <w:r w:rsidR="002A095F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</w:t>
      </w:r>
      <w:r w:rsidR="00E3343B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Паучок из яичных лотков»- </w:t>
      </w:r>
      <w:r w:rsidR="00E3343B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</w:t>
      </w:r>
    </w:p>
    <w:p w:rsidR="002A095F" w:rsidRPr="00ED1A2D" w:rsidRDefault="00E3343B" w:rsidP="002A095F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lastRenderedPageBreak/>
        <w:t>Поделка из бросового материала</w:t>
      </w:r>
      <w:r w:rsidR="002A095F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</w:t>
      </w:r>
    </w:p>
    <w:p w:rsidR="0049182D" w:rsidRPr="00ED1A2D" w:rsidRDefault="00360437" w:rsidP="0049182D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444444"/>
          <w:sz w:val="24"/>
          <w:szCs w:val="24"/>
          <w:lang w:eastAsia="ru-RU"/>
        </w:rPr>
        <w:t xml:space="preserve"> 71. </w:t>
      </w:r>
      <w:r w:rsidR="0049182D" w:rsidRPr="00ED1A2D">
        <w:rPr>
          <w:rFonts w:ascii="Times New Roman" w:eastAsia="Times New Roman" w:hAnsi="Times New Roman" w:cs="Times New Roman"/>
          <w:color w:val="444444"/>
          <w:sz w:val="24"/>
          <w:szCs w:val="24"/>
          <w:lang w:eastAsia="ru-RU"/>
        </w:rPr>
        <w:t xml:space="preserve"> Практика </w:t>
      </w:r>
      <w:r w:rsidR="002A095F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>«Цветы в вазе»</w:t>
      </w:r>
      <w:r w:rsidR="0049182D" w:rsidRPr="00ED1A2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lang w:eastAsia="ru-RU"/>
        </w:rPr>
        <w:t xml:space="preserve">- </w:t>
      </w:r>
      <w:r w:rsidR="0049182D" w:rsidRPr="00ED1A2D">
        <w:rPr>
          <w:rFonts w:ascii="Times New Roman" w:eastAsia="Times New Roman" w:hAnsi="Times New Roman" w:cs="Times New Roman"/>
          <w:bCs/>
          <w:color w:val="000000"/>
          <w:sz w:val="24"/>
          <w:szCs w:val="24"/>
          <w:lang w:eastAsia="ru-RU"/>
        </w:rPr>
        <w:t>1 час.</w:t>
      </w:r>
    </w:p>
    <w:p w:rsidR="002A095F" w:rsidRPr="00ED1A2D" w:rsidRDefault="002A095F" w:rsidP="009D236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 Аппликация.</w:t>
      </w:r>
      <w:r w:rsidR="00360437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</w:t>
      </w: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Цель: Учить делать каллы из ватных дисков и ватных палочек.</w:t>
      </w:r>
    </w:p>
    <w:p w:rsidR="002A095F" w:rsidRPr="00ED1A2D" w:rsidRDefault="002A095F" w:rsidP="009D236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Наклеивать детали композиции на картон. Оценивать свои работы.</w:t>
      </w:r>
    </w:p>
    <w:p w:rsidR="00D6747E" w:rsidRPr="00ED1A2D" w:rsidRDefault="00360437" w:rsidP="009D2367">
      <w:pPr>
        <w:shd w:val="clear" w:color="auto" w:fill="FFFFFF"/>
        <w:spacing w:after="0" w:line="270" w:lineRule="atLeast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72.</w:t>
      </w:r>
      <w:r w:rsidR="00D6747E"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>.Итоговое занятие «Чему мы научились».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t xml:space="preserve"> Диагностика.</w:t>
      </w:r>
    </w:p>
    <w:p w:rsidR="009D2367" w:rsidRPr="00ED1A2D" w:rsidRDefault="002A095F" w:rsidP="0049182D">
      <w:pPr>
        <w:shd w:val="clear" w:color="auto" w:fill="FFFFFF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</w:pPr>
      <w:r w:rsidRPr="00ED1A2D">
        <w:rPr>
          <w:rFonts w:ascii="Times New Roman" w:eastAsia="Times New Roman" w:hAnsi="Times New Roman" w:cs="Times New Roman"/>
          <w:color w:val="000000"/>
          <w:sz w:val="24"/>
          <w:szCs w:val="24"/>
          <w:lang w:eastAsia="ru-RU"/>
        </w:rPr>
        <w:br/>
      </w:r>
    </w:p>
    <w:p w:rsidR="00484A76" w:rsidRPr="001C7D20" w:rsidRDefault="00F70F65" w:rsidP="001C7D20">
      <w:pPr>
        <w:shd w:val="clear" w:color="auto" w:fill="FFFFFF"/>
        <w:spacing w:after="0" w:line="270" w:lineRule="atLeast"/>
        <w:jc w:val="both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5. </w:t>
      </w:r>
      <w:r w:rsidR="00484A76" w:rsidRPr="00484A76">
        <w:rPr>
          <w:rFonts w:ascii="Times New Roman" w:hAnsi="Times New Roman" w:cs="Times New Roman"/>
          <w:b/>
          <w:sz w:val="24"/>
          <w:szCs w:val="24"/>
        </w:rPr>
        <w:t>Методическое</w:t>
      </w:r>
      <w:r w:rsidR="00484A76" w:rsidRPr="00484A76">
        <w:rPr>
          <w:rFonts w:ascii="Times New Roman" w:hAnsi="Times New Roman" w:cs="Times New Roman"/>
          <w:b/>
          <w:sz w:val="24"/>
          <w:szCs w:val="24"/>
        </w:rPr>
        <w:tab/>
        <w:t>обеспечение дополнительной общеразвивающей программы</w:t>
      </w:r>
      <w:r w:rsidR="00484A76" w:rsidRPr="00030929">
        <w:rPr>
          <w:rFonts w:ascii="Times New Roman" w:hAnsi="Times New Roman"/>
          <w:b/>
          <w:sz w:val="24"/>
          <w:szCs w:val="24"/>
        </w:rPr>
        <w:t>.</w:t>
      </w:r>
    </w:p>
    <w:p w:rsidR="00484A76" w:rsidRPr="00030929" w:rsidRDefault="00484A76" w:rsidP="00484A76">
      <w:pPr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hAnsi="Times New Roman"/>
          <w:b/>
          <w:sz w:val="24"/>
          <w:szCs w:val="24"/>
        </w:rPr>
      </w:pPr>
    </w:p>
    <w:p w:rsidR="00484A76" w:rsidRPr="00030929" w:rsidRDefault="00484A76" w:rsidP="00484A76">
      <w:pPr>
        <w:pStyle w:val="Default"/>
      </w:pPr>
      <w:r w:rsidRPr="00030929">
        <w:t xml:space="preserve">Программа составлена с учётом принципа интеграции образовательных областей: </w:t>
      </w:r>
    </w:p>
    <w:p w:rsidR="00484A76" w:rsidRDefault="00484A76" w:rsidP="00484A76">
      <w:pPr>
        <w:pStyle w:val="Default"/>
      </w:pPr>
      <w:r>
        <w:t xml:space="preserve">- </w:t>
      </w:r>
      <w:r w:rsidRPr="00030929">
        <w:t>«Коммуникация» - развитие свободного общения со взрослыми и детьми по поводу процесса и результатов рисования, развитие речи детей в ходе сопровождения рассказом своей деятельности, описания своей творческой работы;</w:t>
      </w:r>
    </w:p>
    <w:p w:rsidR="00484A76" w:rsidRPr="00030929" w:rsidRDefault="00484A76" w:rsidP="00484A76">
      <w:pPr>
        <w:pStyle w:val="Default"/>
      </w:pPr>
      <w:r>
        <w:t xml:space="preserve">- </w:t>
      </w:r>
      <w:r w:rsidRPr="00030929">
        <w:t>«Познание» - формирование целостной картины мира, расшире</w:t>
      </w:r>
      <w:r>
        <w:t>ние кругозора в декоративно –прикладном творчестве</w:t>
      </w:r>
      <w:r w:rsidRPr="00030929">
        <w:t xml:space="preserve">; знакомство со строением предметов, объектов; </w:t>
      </w:r>
    </w:p>
    <w:p w:rsidR="00484A76" w:rsidRPr="00030929" w:rsidRDefault="00484A76" w:rsidP="00484A76">
      <w:pPr>
        <w:pStyle w:val="Default"/>
      </w:pPr>
      <w:r>
        <w:t xml:space="preserve">- </w:t>
      </w:r>
      <w:r w:rsidRPr="00030929">
        <w:t>«Безопасность» - формирование основ безопасности собственной жизнеде</w:t>
      </w:r>
      <w:r>
        <w:t>ятельности при работе с ножницами</w:t>
      </w:r>
      <w:r w:rsidRPr="00030929">
        <w:t>, каран</w:t>
      </w:r>
      <w:r>
        <w:t>дашом, линейкой, клеем.</w:t>
      </w:r>
    </w:p>
    <w:p w:rsidR="00484A76" w:rsidRDefault="00484A76" w:rsidP="00484A76">
      <w:pPr>
        <w:pStyle w:val="Default"/>
      </w:pPr>
      <w:r>
        <w:t xml:space="preserve">- </w:t>
      </w:r>
      <w:r w:rsidRPr="00030929">
        <w:t xml:space="preserve">«Труд» - формирование трудовых умений и навыков в случаях, когда пачкается  стол или  пол; </w:t>
      </w:r>
    </w:p>
    <w:p w:rsidR="00484A76" w:rsidRDefault="00484A76" w:rsidP="00484A76">
      <w:pPr>
        <w:pStyle w:val="Default"/>
      </w:pPr>
      <w:r>
        <w:t xml:space="preserve">- </w:t>
      </w:r>
      <w:r w:rsidRPr="00030929">
        <w:t>«Музыка»- Музыкотерапия – прослушивание зв</w:t>
      </w:r>
      <w:r>
        <w:t>уков окружающего мира; конструирование</w:t>
      </w:r>
      <w:r w:rsidRPr="00030929">
        <w:t xml:space="preserve"> с прослушиванием произведений известных композиторов в соответствии с тематикой занятия;</w:t>
      </w:r>
    </w:p>
    <w:p w:rsidR="00484A76" w:rsidRPr="00030929" w:rsidRDefault="00484A76" w:rsidP="00484A76">
      <w:pPr>
        <w:pStyle w:val="Default"/>
      </w:pPr>
      <w:r>
        <w:t xml:space="preserve">- </w:t>
      </w:r>
      <w:r w:rsidRPr="00030929">
        <w:t xml:space="preserve">«Чтение художественной литературы» - знакомство детей с литературными произведениями, которые лягут в основу предстоящей деятельности. Литература возбуждает воображение, стихи, проза, сказки наполнены яркими образами, побуждающими к творчеству. </w:t>
      </w:r>
    </w:p>
    <w:p w:rsidR="00484A76" w:rsidRPr="00030929" w:rsidRDefault="00484A76" w:rsidP="00484A76">
      <w:pPr>
        <w:pStyle w:val="Default"/>
      </w:pP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b/>
          <w:bCs/>
          <w:sz w:val="24"/>
          <w:szCs w:val="24"/>
        </w:rPr>
        <w:t>Основные педагогические принципы:</w:t>
      </w: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sz w:val="24"/>
          <w:szCs w:val="24"/>
        </w:rPr>
        <w:t>-  систематичность</w:t>
      </w: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sz w:val="24"/>
          <w:szCs w:val="24"/>
        </w:rPr>
        <w:t>- постепенность</w:t>
      </w: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sz w:val="24"/>
          <w:szCs w:val="24"/>
        </w:rPr>
        <w:t>- последовательность</w:t>
      </w: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sz w:val="24"/>
          <w:szCs w:val="24"/>
        </w:rPr>
        <w:t>- наглядность</w:t>
      </w: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sz w:val="24"/>
          <w:szCs w:val="24"/>
        </w:rPr>
        <w:t>- практическая направленность</w:t>
      </w: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sz w:val="24"/>
          <w:szCs w:val="24"/>
        </w:rPr>
        <w:t>- самореализация (реализация собственного «я»)</w:t>
      </w: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sz w:val="24"/>
          <w:szCs w:val="24"/>
        </w:rPr>
        <w:t>- направленность на конечный результат</w:t>
      </w:r>
    </w:p>
    <w:p w:rsidR="00484A76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b/>
          <w:bCs/>
          <w:sz w:val="24"/>
          <w:szCs w:val="24"/>
        </w:rPr>
      </w:pP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hAnsi="Times New Roman"/>
          <w:b/>
          <w:bCs/>
          <w:sz w:val="24"/>
          <w:szCs w:val="24"/>
        </w:rPr>
      </w:pPr>
      <w:proofErr w:type="spellStart"/>
      <w:r>
        <w:rPr>
          <w:rFonts w:ascii="Times New Roman" w:hAnsi="Times New Roman"/>
          <w:b/>
          <w:bCs/>
          <w:sz w:val="24"/>
          <w:szCs w:val="24"/>
        </w:rPr>
        <w:t>Здоровь</w:t>
      </w:r>
      <w:r w:rsidRPr="00030929">
        <w:rPr>
          <w:rFonts w:ascii="Times New Roman" w:hAnsi="Times New Roman"/>
          <w:b/>
          <w:bCs/>
          <w:sz w:val="24"/>
          <w:szCs w:val="24"/>
        </w:rPr>
        <w:t>есбережение</w:t>
      </w:r>
      <w:proofErr w:type="spellEnd"/>
    </w:p>
    <w:p w:rsidR="00484A76" w:rsidRPr="00030929" w:rsidRDefault="00484A76" w:rsidP="00484A76">
      <w:pPr>
        <w:widowControl w:val="0"/>
        <w:numPr>
          <w:ilvl w:val="0"/>
          <w:numId w:val="43"/>
        </w:numPr>
        <w:tabs>
          <w:tab w:val="num" w:pos="284"/>
        </w:tabs>
        <w:autoSpaceDE w:val="0"/>
        <w:autoSpaceDN w:val="0"/>
        <w:adjustRightInd w:val="0"/>
        <w:spacing w:after="0" w:line="240" w:lineRule="auto"/>
        <w:ind w:left="0" w:hanging="284"/>
        <w:rPr>
          <w:rFonts w:ascii="Times New Roman" w:hAnsi="Times New Roman"/>
          <w:bCs/>
          <w:sz w:val="24"/>
          <w:szCs w:val="24"/>
        </w:rPr>
      </w:pPr>
      <w:r w:rsidRPr="00030929">
        <w:rPr>
          <w:rFonts w:ascii="Times New Roman" w:hAnsi="Times New Roman"/>
          <w:bCs/>
          <w:sz w:val="24"/>
          <w:szCs w:val="24"/>
        </w:rPr>
        <w:t xml:space="preserve">Проведение инструктажа по технике безопасности. Ознакомление детей с правилами поведения в коллективе, на рабочем месте, с правилами пользования предметов </w:t>
      </w:r>
      <w:proofErr w:type="spellStart"/>
      <w:r w:rsidRPr="00030929">
        <w:rPr>
          <w:rFonts w:ascii="Times New Roman" w:hAnsi="Times New Roman"/>
          <w:bCs/>
          <w:sz w:val="24"/>
          <w:szCs w:val="24"/>
        </w:rPr>
        <w:t>изодеятельности</w:t>
      </w:r>
      <w:proofErr w:type="spellEnd"/>
      <w:r w:rsidRPr="00030929">
        <w:rPr>
          <w:rFonts w:ascii="Times New Roman" w:hAnsi="Times New Roman"/>
          <w:bCs/>
          <w:sz w:val="24"/>
          <w:szCs w:val="24"/>
        </w:rPr>
        <w:t>.</w:t>
      </w:r>
    </w:p>
    <w:p w:rsidR="00484A76" w:rsidRPr="00030929" w:rsidRDefault="00484A76" w:rsidP="00484A76">
      <w:pPr>
        <w:widowControl w:val="0"/>
        <w:numPr>
          <w:ilvl w:val="0"/>
          <w:numId w:val="43"/>
        </w:numPr>
        <w:tabs>
          <w:tab w:val="num" w:pos="284"/>
        </w:tabs>
        <w:autoSpaceDE w:val="0"/>
        <w:autoSpaceDN w:val="0"/>
        <w:adjustRightInd w:val="0"/>
        <w:spacing w:after="0" w:line="240" w:lineRule="auto"/>
        <w:ind w:left="0" w:hanging="284"/>
        <w:rPr>
          <w:rFonts w:ascii="Times New Roman" w:hAnsi="Times New Roman"/>
          <w:bCs/>
          <w:sz w:val="24"/>
          <w:szCs w:val="24"/>
        </w:rPr>
      </w:pPr>
      <w:r w:rsidRPr="00030929">
        <w:rPr>
          <w:rFonts w:ascii="Times New Roman" w:hAnsi="Times New Roman"/>
          <w:bCs/>
          <w:sz w:val="24"/>
          <w:szCs w:val="24"/>
        </w:rPr>
        <w:t>Проветривание помещений перед занятием, проведение Физкультминутки (1 раз за занятие).</w:t>
      </w:r>
    </w:p>
    <w:p w:rsidR="00484A76" w:rsidRPr="00030929" w:rsidRDefault="00484A76" w:rsidP="00484A76">
      <w:pPr>
        <w:widowControl w:val="0"/>
        <w:numPr>
          <w:ilvl w:val="0"/>
          <w:numId w:val="43"/>
        </w:numPr>
        <w:tabs>
          <w:tab w:val="num" w:pos="284"/>
        </w:tabs>
        <w:autoSpaceDE w:val="0"/>
        <w:autoSpaceDN w:val="0"/>
        <w:adjustRightInd w:val="0"/>
        <w:spacing w:after="0" w:line="240" w:lineRule="auto"/>
        <w:ind w:left="0" w:hanging="284"/>
        <w:rPr>
          <w:rFonts w:ascii="Times New Roman" w:hAnsi="Times New Roman"/>
          <w:bCs/>
          <w:sz w:val="24"/>
          <w:szCs w:val="24"/>
        </w:rPr>
      </w:pPr>
      <w:r w:rsidRPr="00030929">
        <w:rPr>
          <w:rFonts w:ascii="Times New Roman" w:hAnsi="Times New Roman"/>
          <w:bCs/>
          <w:sz w:val="24"/>
          <w:szCs w:val="24"/>
        </w:rPr>
        <w:t>Беседа о правильном, безопасном поведении на дороге, на водоёмах.</w:t>
      </w:r>
    </w:p>
    <w:p w:rsidR="00484A76" w:rsidRPr="00030929" w:rsidRDefault="00484A76" w:rsidP="00484A76">
      <w:pPr>
        <w:widowControl w:val="0"/>
        <w:numPr>
          <w:ilvl w:val="0"/>
          <w:numId w:val="43"/>
        </w:numPr>
        <w:tabs>
          <w:tab w:val="num" w:pos="284"/>
        </w:tabs>
        <w:autoSpaceDE w:val="0"/>
        <w:autoSpaceDN w:val="0"/>
        <w:adjustRightInd w:val="0"/>
        <w:spacing w:after="0" w:line="240" w:lineRule="auto"/>
        <w:ind w:left="0" w:hanging="284"/>
        <w:rPr>
          <w:rFonts w:ascii="Times New Roman" w:hAnsi="Times New Roman"/>
          <w:bCs/>
          <w:sz w:val="24"/>
          <w:szCs w:val="24"/>
        </w:rPr>
      </w:pPr>
      <w:r w:rsidRPr="00030929">
        <w:rPr>
          <w:rFonts w:ascii="Times New Roman" w:hAnsi="Times New Roman"/>
          <w:bCs/>
          <w:sz w:val="24"/>
          <w:szCs w:val="24"/>
        </w:rPr>
        <w:t>Инструктаж  по технике безопасности: безопасное использование электроприборов; соблюдение правил противопожарной безопасности.</w:t>
      </w:r>
    </w:p>
    <w:p w:rsidR="00484A76" w:rsidRPr="00030929" w:rsidRDefault="00484A76" w:rsidP="00484A76">
      <w:pPr>
        <w:shd w:val="clear" w:color="auto" w:fill="FFFFFF"/>
        <w:spacing w:after="0" w:line="240" w:lineRule="auto"/>
        <w:rPr>
          <w:rFonts w:ascii="Times New Roman" w:hAnsi="Times New Roman"/>
          <w:b/>
          <w:bCs/>
          <w:color w:val="000000"/>
          <w:sz w:val="24"/>
          <w:szCs w:val="24"/>
        </w:rPr>
      </w:pPr>
    </w:p>
    <w:p w:rsidR="00484A76" w:rsidRPr="00030929" w:rsidRDefault="00484A76" w:rsidP="00484A76">
      <w:pPr>
        <w:shd w:val="clear" w:color="auto" w:fill="FFFFFF"/>
        <w:spacing w:after="0" w:line="240" w:lineRule="auto"/>
        <w:rPr>
          <w:rFonts w:ascii="Times New Roman" w:hAnsi="Times New Roman"/>
          <w:color w:val="000000"/>
          <w:sz w:val="24"/>
          <w:szCs w:val="24"/>
        </w:rPr>
      </w:pPr>
      <w:r w:rsidRPr="00030929">
        <w:rPr>
          <w:rFonts w:ascii="Times New Roman" w:hAnsi="Times New Roman"/>
          <w:b/>
          <w:bCs/>
          <w:color w:val="000000"/>
          <w:sz w:val="24"/>
          <w:szCs w:val="24"/>
        </w:rPr>
        <w:t xml:space="preserve">Для успешного усвоения образовательной  программы необходимо следующее: </w:t>
      </w:r>
      <w:r w:rsidRPr="00030929">
        <w:rPr>
          <w:rFonts w:ascii="Times New Roman" w:hAnsi="Times New Roman"/>
          <w:color w:val="000000"/>
          <w:sz w:val="24"/>
          <w:szCs w:val="24"/>
        </w:rPr>
        <w:t>учебный кабинет, оборудованный рабочими местами, с хорошим естественным и искусственным освещением.</w:t>
      </w:r>
    </w:p>
    <w:p w:rsidR="00484A76" w:rsidRPr="000539A2" w:rsidRDefault="00484A76" w:rsidP="00484A76">
      <w:pPr>
        <w:pStyle w:val="a5"/>
        <w:rPr>
          <w:rFonts w:ascii="Times New Roman" w:hAnsi="Times New Roman"/>
          <w:b/>
          <w:i/>
          <w:sz w:val="24"/>
          <w:szCs w:val="24"/>
          <w:u w:val="single"/>
          <w:shd w:val="clear" w:color="auto" w:fill="FFFFFF"/>
        </w:rPr>
      </w:pPr>
      <w:r w:rsidRPr="00030929">
        <w:rPr>
          <w:rFonts w:ascii="Times New Roman" w:hAnsi="Times New Roman"/>
          <w:b/>
          <w:bCs/>
          <w:color w:val="000000"/>
          <w:sz w:val="24"/>
          <w:szCs w:val="24"/>
        </w:rPr>
        <w:t xml:space="preserve">Материалы и инструменты: </w:t>
      </w:r>
      <w:r w:rsidRPr="000539A2">
        <w:rPr>
          <w:rFonts w:ascii="Times New Roman" w:hAnsi="Times New Roman"/>
          <w:b/>
          <w:i/>
          <w:sz w:val="24"/>
          <w:szCs w:val="24"/>
          <w:u w:val="single"/>
          <w:shd w:val="clear" w:color="auto" w:fill="FFFFFF"/>
        </w:rPr>
        <w:t xml:space="preserve">                                                                                        </w:t>
      </w:r>
    </w:p>
    <w:p w:rsidR="00484A76" w:rsidRDefault="00484A76" w:rsidP="00484A76">
      <w:pPr>
        <w:pStyle w:val="a5"/>
        <w:rPr>
          <w:rFonts w:ascii="Times New Roman" w:hAnsi="Times New Roman"/>
          <w:sz w:val="24"/>
          <w:szCs w:val="24"/>
          <w:shd w:val="clear" w:color="auto" w:fill="FFFFFF"/>
        </w:rPr>
      </w:pPr>
      <w:r>
        <w:rPr>
          <w:rFonts w:ascii="Times New Roman" w:hAnsi="Times New Roman"/>
          <w:sz w:val="24"/>
          <w:szCs w:val="24"/>
          <w:shd w:val="clear" w:color="auto" w:fill="FFFFFF"/>
        </w:rPr>
        <w:t>Картон,</w:t>
      </w:r>
      <w:r w:rsidR="00DD11A5">
        <w:rPr>
          <w:rFonts w:ascii="Times New Roman" w:hAnsi="Times New Roman"/>
          <w:sz w:val="24"/>
          <w:szCs w:val="24"/>
          <w:shd w:val="clear" w:color="auto" w:fill="FFFFFF"/>
        </w:rPr>
        <w:t xml:space="preserve"> цветная </w:t>
      </w:r>
      <w:r w:rsidRPr="000539A2">
        <w:rPr>
          <w:rFonts w:ascii="Times New Roman" w:hAnsi="Times New Roman"/>
          <w:sz w:val="24"/>
          <w:szCs w:val="24"/>
          <w:shd w:val="clear" w:color="auto" w:fill="FFFFFF"/>
        </w:rPr>
        <w:t>бумага</w:t>
      </w:r>
      <w:r>
        <w:rPr>
          <w:rFonts w:ascii="Times New Roman" w:hAnsi="Times New Roman"/>
          <w:sz w:val="24"/>
          <w:szCs w:val="24"/>
          <w:shd w:val="clear" w:color="auto" w:fill="FFFFFF"/>
        </w:rPr>
        <w:t>, фольга</w:t>
      </w:r>
      <w:r w:rsidR="00DD11A5">
        <w:rPr>
          <w:rFonts w:ascii="Times New Roman" w:hAnsi="Times New Roman"/>
          <w:sz w:val="24"/>
          <w:szCs w:val="24"/>
          <w:shd w:val="clear" w:color="auto" w:fill="FFFFFF"/>
        </w:rPr>
        <w:t>, гофрированная бумага;</w:t>
      </w:r>
    </w:p>
    <w:p w:rsidR="00484A76" w:rsidRPr="000539A2" w:rsidRDefault="00484A76" w:rsidP="00484A76">
      <w:pPr>
        <w:pStyle w:val="a5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>
        <w:rPr>
          <w:rFonts w:ascii="Times New Roman" w:hAnsi="Times New Roman"/>
          <w:sz w:val="24"/>
          <w:szCs w:val="24"/>
          <w:shd w:val="clear" w:color="auto" w:fill="FFFFFF"/>
        </w:rPr>
        <w:lastRenderedPageBreak/>
        <w:t>ватные диски,</w:t>
      </w:r>
    </w:p>
    <w:p w:rsidR="00484A76" w:rsidRPr="000539A2" w:rsidRDefault="00484A76" w:rsidP="00484A76">
      <w:pPr>
        <w:pStyle w:val="a5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0539A2">
        <w:rPr>
          <w:rFonts w:ascii="Times New Roman" w:hAnsi="Times New Roman"/>
          <w:sz w:val="24"/>
          <w:szCs w:val="24"/>
          <w:shd w:val="clear" w:color="auto" w:fill="FFFFFF"/>
        </w:rPr>
        <w:t>краски (акварель или гуашь);</w:t>
      </w:r>
    </w:p>
    <w:p w:rsidR="00484A76" w:rsidRPr="000539A2" w:rsidRDefault="00484A76" w:rsidP="00484A76">
      <w:pPr>
        <w:pStyle w:val="a5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0539A2">
        <w:rPr>
          <w:rFonts w:ascii="Times New Roman" w:hAnsi="Times New Roman"/>
          <w:sz w:val="24"/>
          <w:szCs w:val="24"/>
          <w:shd w:val="clear" w:color="auto" w:fill="FFFFFF"/>
        </w:rPr>
        <w:t>кисточки;</w:t>
      </w:r>
    </w:p>
    <w:p w:rsidR="00484A76" w:rsidRPr="000539A2" w:rsidRDefault="00484A76" w:rsidP="00484A76">
      <w:pPr>
        <w:pStyle w:val="a5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0539A2">
        <w:rPr>
          <w:rFonts w:ascii="Times New Roman" w:hAnsi="Times New Roman"/>
          <w:sz w:val="24"/>
          <w:szCs w:val="24"/>
          <w:shd w:val="clear" w:color="auto" w:fill="FFFFFF"/>
        </w:rPr>
        <w:t>набор пластилина;</w:t>
      </w:r>
    </w:p>
    <w:p w:rsidR="00484A76" w:rsidRPr="000539A2" w:rsidRDefault="00484A76" w:rsidP="00484A76">
      <w:pPr>
        <w:pStyle w:val="a5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0539A2">
        <w:rPr>
          <w:rFonts w:ascii="Times New Roman" w:hAnsi="Times New Roman"/>
          <w:sz w:val="24"/>
          <w:szCs w:val="24"/>
          <w:shd w:val="clear" w:color="auto" w:fill="FFFFFF"/>
        </w:rPr>
        <w:t>салфетки;</w:t>
      </w:r>
    </w:p>
    <w:p w:rsidR="00484A76" w:rsidRPr="000539A2" w:rsidRDefault="00484A76" w:rsidP="00484A76">
      <w:pPr>
        <w:pStyle w:val="a5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0539A2">
        <w:rPr>
          <w:rFonts w:ascii="Times New Roman" w:hAnsi="Times New Roman"/>
          <w:sz w:val="24"/>
          <w:szCs w:val="24"/>
          <w:shd w:val="clear" w:color="auto" w:fill="FFFFFF"/>
        </w:rPr>
        <w:t>стеки;</w:t>
      </w:r>
    </w:p>
    <w:p w:rsidR="00484A76" w:rsidRPr="000539A2" w:rsidRDefault="00484A76" w:rsidP="00484A76">
      <w:pPr>
        <w:pStyle w:val="a5"/>
        <w:rPr>
          <w:rFonts w:ascii="Times New Roman" w:hAnsi="Times New Roman"/>
          <w:sz w:val="24"/>
          <w:szCs w:val="24"/>
          <w:u w:val="single"/>
          <w:shd w:val="clear" w:color="auto" w:fill="FFFFFF"/>
        </w:rPr>
      </w:pPr>
      <w:r w:rsidRPr="000539A2">
        <w:rPr>
          <w:rFonts w:ascii="Times New Roman" w:hAnsi="Times New Roman"/>
          <w:sz w:val="24"/>
          <w:szCs w:val="24"/>
          <w:shd w:val="clear" w:color="auto" w:fill="FFFFFF"/>
        </w:rPr>
        <w:t xml:space="preserve">бросовый и природный материалы; </w:t>
      </w:r>
    </w:p>
    <w:p w:rsidR="00DD11A5" w:rsidRDefault="00484A76" w:rsidP="00DD11A5">
      <w:pPr>
        <w:shd w:val="clear" w:color="auto" w:fill="FFFFFF"/>
        <w:spacing w:after="0" w:line="240" w:lineRule="auto"/>
        <w:rPr>
          <w:rFonts w:ascii="Times New Roman" w:hAnsi="Times New Roman"/>
          <w:sz w:val="24"/>
          <w:szCs w:val="24"/>
          <w:shd w:val="clear" w:color="auto" w:fill="FFFFFF"/>
        </w:rPr>
      </w:pPr>
      <w:r w:rsidRPr="000539A2">
        <w:rPr>
          <w:rFonts w:ascii="Times New Roman" w:hAnsi="Times New Roman"/>
          <w:sz w:val="24"/>
          <w:szCs w:val="24"/>
          <w:shd w:val="clear" w:color="auto" w:fill="FFFFFF"/>
        </w:rPr>
        <w:t>ножницы;</w:t>
      </w:r>
    </w:p>
    <w:p w:rsidR="00DD11A5" w:rsidRPr="00484A76" w:rsidRDefault="00DD11A5" w:rsidP="00DD11A5">
      <w:pPr>
        <w:shd w:val="clear" w:color="auto" w:fill="FFFFFF"/>
        <w:spacing w:after="0" w:line="240" w:lineRule="auto"/>
        <w:rPr>
          <w:rFonts w:ascii="Times New Roman" w:hAnsi="Times New Roman"/>
          <w:color w:val="000000"/>
          <w:sz w:val="24"/>
          <w:szCs w:val="24"/>
        </w:rPr>
      </w:pPr>
      <w:r w:rsidRPr="00DD11A5">
        <w:rPr>
          <w:rFonts w:ascii="Times New Roman" w:hAnsi="Times New Roman" w:cs="Times New Roman"/>
          <w:color w:val="333333"/>
          <w:sz w:val="24"/>
          <w:szCs w:val="24"/>
        </w:rPr>
        <w:t xml:space="preserve"> </w:t>
      </w:r>
      <w:r>
        <w:rPr>
          <w:rFonts w:ascii="Times New Roman" w:hAnsi="Times New Roman" w:cs="Times New Roman"/>
          <w:color w:val="333333"/>
          <w:sz w:val="24"/>
          <w:szCs w:val="24"/>
        </w:rPr>
        <w:t>простые и цветные карандаши;</w:t>
      </w:r>
      <w:r>
        <w:rPr>
          <w:rFonts w:ascii="Times New Roman" w:hAnsi="Times New Roman" w:cs="Times New Roman"/>
          <w:color w:val="333333"/>
          <w:sz w:val="24"/>
          <w:szCs w:val="24"/>
        </w:rPr>
        <w:br/>
        <w:t xml:space="preserve"> матерчатые салфетки;</w:t>
      </w:r>
      <w:r>
        <w:rPr>
          <w:rFonts w:ascii="Times New Roman" w:hAnsi="Times New Roman" w:cs="Times New Roman"/>
          <w:color w:val="333333"/>
          <w:sz w:val="24"/>
          <w:szCs w:val="24"/>
        </w:rPr>
        <w:br/>
      </w:r>
      <w:r w:rsidRPr="00030929">
        <w:rPr>
          <w:rFonts w:ascii="Times New Roman" w:hAnsi="Times New Roman" w:cs="Times New Roman"/>
          <w:color w:val="333333"/>
          <w:sz w:val="24"/>
          <w:szCs w:val="24"/>
        </w:rPr>
        <w:t xml:space="preserve"> стаканы для вод</w:t>
      </w:r>
      <w:r>
        <w:rPr>
          <w:rFonts w:ascii="Times New Roman" w:hAnsi="Times New Roman" w:cs="Times New Roman"/>
          <w:color w:val="333333"/>
          <w:sz w:val="24"/>
          <w:szCs w:val="24"/>
        </w:rPr>
        <w:t>ы;</w:t>
      </w:r>
      <w:r>
        <w:rPr>
          <w:rFonts w:ascii="Times New Roman" w:hAnsi="Times New Roman" w:cs="Times New Roman"/>
          <w:color w:val="333333"/>
          <w:sz w:val="24"/>
          <w:szCs w:val="24"/>
        </w:rPr>
        <w:br/>
      </w:r>
      <w:r w:rsidRPr="00030929">
        <w:rPr>
          <w:rFonts w:ascii="Times New Roman" w:hAnsi="Times New Roman" w:cs="Times New Roman"/>
          <w:color w:val="333333"/>
          <w:sz w:val="24"/>
          <w:szCs w:val="24"/>
        </w:rPr>
        <w:t xml:space="preserve"> альбом для рисования</w:t>
      </w:r>
      <w:r>
        <w:rPr>
          <w:rFonts w:ascii="Times New Roman" w:hAnsi="Times New Roman" w:cs="Times New Roman"/>
          <w:color w:val="333333"/>
          <w:sz w:val="24"/>
          <w:szCs w:val="24"/>
        </w:rPr>
        <w:t>;</w:t>
      </w:r>
    </w:p>
    <w:p w:rsidR="00484A76" w:rsidRPr="000539A2" w:rsidRDefault="00DD11A5" w:rsidP="00484A76">
      <w:pPr>
        <w:pStyle w:val="a5"/>
        <w:rPr>
          <w:rFonts w:ascii="Times New Roman" w:hAnsi="Times New Roman"/>
          <w:sz w:val="24"/>
          <w:szCs w:val="24"/>
          <w:shd w:val="clear" w:color="auto" w:fill="FFFFFF"/>
        </w:rPr>
      </w:pPr>
      <w:r>
        <w:rPr>
          <w:rFonts w:ascii="Times New Roman" w:eastAsiaTheme="minorHAnsi" w:hAnsi="Times New Roman" w:cstheme="minorBidi"/>
          <w:b/>
          <w:bCs/>
          <w:color w:val="000000"/>
          <w:sz w:val="24"/>
          <w:szCs w:val="24"/>
        </w:rPr>
        <w:t xml:space="preserve"> </w:t>
      </w:r>
      <w:r w:rsidR="00484A76">
        <w:rPr>
          <w:rFonts w:ascii="Times New Roman" w:hAnsi="Times New Roman"/>
          <w:sz w:val="24"/>
          <w:szCs w:val="24"/>
          <w:shd w:val="clear" w:color="auto" w:fill="FFFFFF"/>
        </w:rPr>
        <w:t>клей.</w:t>
      </w:r>
    </w:p>
    <w:p w:rsidR="00484A76" w:rsidRPr="00030929" w:rsidRDefault="00484A76" w:rsidP="00484A76">
      <w:pPr>
        <w:shd w:val="clear" w:color="auto" w:fill="FFFFFF"/>
        <w:spacing w:after="0" w:line="240" w:lineRule="auto"/>
        <w:rPr>
          <w:rFonts w:ascii="Times New Roman" w:hAnsi="Times New Roman"/>
          <w:b/>
          <w:bCs/>
          <w:color w:val="000000"/>
          <w:sz w:val="24"/>
          <w:szCs w:val="24"/>
        </w:rPr>
      </w:pPr>
      <w:r w:rsidRPr="00030929">
        <w:rPr>
          <w:rFonts w:ascii="Times New Roman" w:hAnsi="Times New Roman" w:cs="Times New Roman"/>
          <w:color w:val="333333"/>
          <w:sz w:val="24"/>
          <w:szCs w:val="24"/>
        </w:rPr>
        <w:br/>
      </w:r>
    </w:p>
    <w:p w:rsidR="00DD11A5" w:rsidRDefault="00484A76" w:rsidP="00DD11A5">
      <w:pPr>
        <w:pStyle w:val="a5"/>
        <w:rPr>
          <w:rStyle w:val="a4"/>
          <w:rFonts w:ascii="Times New Roman" w:eastAsiaTheme="minorEastAsia" w:hAnsi="Times New Roman"/>
          <w:sz w:val="24"/>
          <w:szCs w:val="24"/>
        </w:rPr>
      </w:pPr>
      <w:r w:rsidRPr="00030929">
        <w:rPr>
          <w:rFonts w:ascii="Times New Roman" w:hAnsi="Times New Roman"/>
          <w:b/>
          <w:bCs/>
          <w:color w:val="000000"/>
          <w:sz w:val="24"/>
          <w:szCs w:val="24"/>
        </w:rPr>
        <w:t>Методические пособия и дидактический материал:</w:t>
      </w:r>
      <w:r w:rsidR="00DD11A5" w:rsidRPr="00DD11A5">
        <w:rPr>
          <w:rStyle w:val="a4"/>
          <w:rFonts w:ascii="Times New Roman" w:eastAsiaTheme="minorEastAsia" w:hAnsi="Times New Roman"/>
          <w:sz w:val="24"/>
          <w:szCs w:val="24"/>
        </w:rPr>
        <w:t xml:space="preserve"> </w:t>
      </w:r>
    </w:p>
    <w:p w:rsidR="00484A76" w:rsidRPr="00DD11A5" w:rsidRDefault="00DD11A5" w:rsidP="00DD11A5">
      <w:pPr>
        <w:pStyle w:val="a5"/>
        <w:rPr>
          <w:rFonts w:ascii="Times New Roman" w:eastAsiaTheme="minorEastAsia" w:hAnsi="Times New Roman"/>
          <w:sz w:val="24"/>
          <w:szCs w:val="24"/>
        </w:rPr>
      </w:pPr>
      <w:r w:rsidRPr="000539A2">
        <w:rPr>
          <w:rStyle w:val="a4"/>
          <w:rFonts w:ascii="Times New Roman" w:eastAsiaTheme="minorEastAsia" w:hAnsi="Times New Roman"/>
          <w:sz w:val="24"/>
          <w:szCs w:val="24"/>
        </w:rPr>
        <w:t>Изображения животных, растений, насекомых, рыб, явлений окружающего нас мира</w:t>
      </w:r>
      <w:r>
        <w:rPr>
          <w:rStyle w:val="a4"/>
          <w:rFonts w:ascii="Times New Roman" w:eastAsiaTheme="minorEastAsia" w:hAnsi="Times New Roman"/>
          <w:sz w:val="24"/>
          <w:szCs w:val="24"/>
        </w:rPr>
        <w:t>.</w:t>
      </w:r>
    </w:p>
    <w:p w:rsidR="00484A76" w:rsidRPr="00030929" w:rsidRDefault="00484A76" w:rsidP="00DD11A5">
      <w:pPr>
        <w:widowControl w:val="0"/>
        <w:shd w:val="clear" w:color="auto" w:fill="FFFFFF"/>
        <w:autoSpaceDE w:val="0"/>
        <w:spacing w:after="0" w:line="240" w:lineRule="auto"/>
        <w:rPr>
          <w:rFonts w:ascii="Times New Roman" w:hAnsi="Times New Roman"/>
          <w:color w:val="000000"/>
          <w:sz w:val="24"/>
          <w:szCs w:val="24"/>
        </w:rPr>
      </w:pPr>
      <w:r w:rsidRPr="00030929">
        <w:rPr>
          <w:rFonts w:ascii="Times New Roman" w:hAnsi="Times New Roman"/>
          <w:color w:val="000000"/>
          <w:sz w:val="24"/>
          <w:szCs w:val="24"/>
        </w:rPr>
        <w:t>Таблицы по технике безопасности.</w:t>
      </w:r>
    </w:p>
    <w:p w:rsidR="00484A76" w:rsidRPr="00030929" w:rsidRDefault="00484A76" w:rsidP="00DD11A5">
      <w:pPr>
        <w:widowControl w:val="0"/>
        <w:shd w:val="clear" w:color="auto" w:fill="FFFFFF"/>
        <w:autoSpaceDE w:val="0"/>
        <w:spacing w:after="0" w:line="240" w:lineRule="auto"/>
        <w:rPr>
          <w:rFonts w:ascii="Times New Roman" w:hAnsi="Times New Roman"/>
          <w:color w:val="000000"/>
          <w:sz w:val="24"/>
          <w:szCs w:val="24"/>
        </w:rPr>
      </w:pPr>
      <w:r w:rsidRPr="00030929">
        <w:rPr>
          <w:rFonts w:ascii="Times New Roman" w:hAnsi="Times New Roman"/>
          <w:color w:val="000000"/>
          <w:sz w:val="24"/>
          <w:szCs w:val="24"/>
        </w:rPr>
        <w:t>Наборы открыток, рисунков.</w:t>
      </w:r>
    </w:p>
    <w:p w:rsidR="00484A76" w:rsidRPr="00DD11A5" w:rsidRDefault="00484A76" w:rsidP="00DD11A5">
      <w:pPr>
        <w:widowControl w:val="0"/>
        <w:shd w:val="clear" w:color="auto" w:fill="FFFFFF"/>
        <w:autoSpaceDE w:val="0"/>
        <w:spacing w:after="0" w:line="240" w:lineRule="auto"/>
        <w:rPr>
          <w:rFonts w:ascii="Times New Roman" w:hAnsi="Times New Roman"/>
          <w:color w:val="000000"/>
          <w:sz w:val="24"/>
          <w:szCs w:val="24"/>
        </w:rPr>
      </w:pPr>
      <w:r w:rsidRPr="00030929">
        <w:rPr>
          <w:rFonts w:ascii="Times New Roman" w:hAnsi="Times New Roman"/>
          <w:color w:val="000000"/>
          <w:sz w:val="24"/>
          <w:szCs w:val="24"/>
        </w:rPr>
        <w:t>Инструкционны</w:t>
      </w:r>
      <w:r w:rsidR="00DD11A5">
        <w:rPr>
          <w:rFonts w:ascii="Times New Roman" w:hAnsi="Times New Roman"/>
          <w:color w:val="000000"/>
          <w:sz w:val="24"/>
          <w:szCs w:val="24"/>
        </w:rPr>
        <w:t>е карты</w:t>
      </w:r>
    </w:p>
    <w:p w:rsidR="002A6903" w:rsidRDefault="002A6903" w:rsidP="00484A76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/>
          <w:b/>
          <w:bCs/>
          <w:sz w:val="24"/>
          <w:szCs w:val="24"/>
        </w:rPr>
      </w:pPr>
    </w:p>
    <w:p w:rsidR="002A6903" w:rsidRDefault="002A6903" w:rsidP="00484A76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/>
          <w:b/>
          <w:bCs/>
          <w:sz w:val="24"/>
          <w:szCs w:val="24"/>
        </w:rPr>
      </w:pPr>
    </w:p>
    <w:p w:rsidR="002A6903" w:rsidRDefault="002A6903" w:rsidP="00484A76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/>
          <w:b/>
          <w:bCs/>
          <w:sz w:val="24"/>
          <w:szCs w:val="24"/>
        </w:rPr>
      </w:pP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/>
          <w:b/>
          <w:bCs/>
          <w:sz w:val="24"/>
          <w:szCs w:val="24"/>
        </w:rPr>
      </w:pPr>
      <w:r w:rsidRPr="00030929">
        <w:rPr>
          <w:rFonts w:ascii="Times New Roman" w:hAnsi="Times New Roman"/>
          <w:b/>
          <w:bCs/>
          <w:sz w:val="24"/>
          <w:szCs w:val="24"/>
        </w:rPr>
        <w:t xml:space="preserve">Этапы  педагогического  контроля </w:t>
      </w:r>
    </w:p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/>
          <w:bCs/>
          <w:sz w:val="24"/>
          <w:szCs w:val="24"/>
        </w:rPr>
      </w:pPr>
    </w:p>
    <w:tbl>
      <w:tblPr>
        <w:tblpPr w:leftFromText="180" w:rightFromText="180" w:vertAnchor="text" w:horzAnchor="margin" w:tblpY="20"/>
        <w:tblW w:w="9039" w:type="dxa"/>
        <w:tblLayout w:type="fixed"/>
        <w:tblLook w:val="0000" w:firstRow="0" w:lastRow="0" w:firstColumn="0" w:lastColumn="0" w:noHBand="0" w:noVBand="0"/>
      </w:tblPr>
      <w:tblGrid>
        <w:gridCol w:w="2093"/>
        <w:gridCol w:w="2693"/>
        <w:gridCol w:w="2552"/>
        <w:gridCol w:w="1701"/>
      </w:tblGrid>
      <w:tr w:rsidR="00484A76" w:rsidRPr="00030929" w:rsidTr="00F70F65">
        <w:tc>
          <w:tcPr>
            <w:tcW w:w="209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84A76" w:rsidRPr="00030929" w:rsidRDefault="00484A76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030929">
              <w:rPr>
                <w:rFonts w:ascii="Times New Roman" w:hAnsi="Times New Roman"/>
                <w:sz w:val="24"/>
                <w:szCs w:val="24"/>
              </w:rPr>
              <w:t>Вид контроля</w:t>
            </w:r>
          </w:p>
        </w:tc>
        <w:tc>
          <w:tcPr>
            <w:tcW w:w="269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84A76" w:rsidRPr="00030929" w:rsidRDefault="00484A76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030929">
              <w:rPr>
                <w:rFonts w:ascii="Times New Roman" w:hAnsi="Times New Roman"/>
                <w:sz w:val="24"/>
                <w:szCs w:val="24"/>
              </w:rPr>
              <w:t>Цели, задачи</w:t>
            </w:r>
          </w:p>
        </w:tc>
        <w:tc>
          <w:tcPr>
            <w:tcW w:w="2552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:rsidR="00484A76" w:rsidRPr="00030929" w:rsidRDefault="00484A76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030929">
              <w:rPr>
                <w:rFonts w:ascii="Times New Roman" w:hAnsi="Times New Roman"/>
                <w:sz w:val="24"/>
                <w:szCs w:val="24"/>
              </w:rPr>
              <w:t>содержание</w:t>
            </w:r>
          </w:p>
        </w:tc>
        <w:tc>
          <w:tcPr>
            <w:tcW w:w="1701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:rsidR="00484A76" w:rsidRPr="00030929" w:rsidRDefault="00484A76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hAnsi="Times New Roman"/>
                <w:sz w:val="24"/>
                <w:szCs w:val="24"/>
              </w:rPr>
            </w:pPr>
            <w:r w:rsidRPr="00030929">
              <w:rPr>
                <w:rFonts w:ascii="Times New Roman" w:hAnsi="Times New Roman"/>
                <w:sz w:val="24"/>
                <w:szCs w:val="24"/>
              </w:rPr>
              <w:t>формы</w:t>
            </w:r>
          </w:p>
        </w:tc>
      </w:tr>
      <w:tr w:rsidR="00F70F65" w:rsidRPr="00030929" w:rsidTr="0072667B">
        <w:trPr>
          <w:trHeight w:val="501"/>
        </w:trPr>
        <w:tc>
          <w:tcPr>
            <w:tcW w:w="2093" w:type="dxa"/>
            <w:tcBorders>
              <w:top w:val="single" w:sz="4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:rsidR="00F70F65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Входящий контроль  </w:t>
            </w:r>
          </w:p>
        </w:tc>
        <w:tc>
          <w:tcPr>
            <w:tcW w:w="2693" w:type="dxa"/>
            <w:vMerge w:val="restart"/>
            <w:tcBorders>
              <w:top w:val="single" w:sz="4" w:space="0" w:color="auto"/>
              <w:left w:val="single" w:sz="6" w:space="0" w:color="auto"/>
              <w:right w:val="single" w:sz="6" w:space="0" w:color="auto"/>
            </w:tcBorders>
          </w:tcPr>
          <w:p w:rsidR="00F70F65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 w:rsidRPr="00030929">
              <w:rPr>
                <w:rFonts w:ascii="Times New Roman" w:hAnsi="Times New Roman"/>
                <w:sz w:val="24"/>
                <w:szCs w:val="24"/>
              </w:rPr>
              <w:t xml:space="preserve">Определить усвоенный              </w:t>
            </w:r>
            <w:r>
              <w:rPr>
                <w:rFonts w:ascii="Times New Roman" w:hAnsi="Times New Roman"/>
                <w:sz w:val="24"/>
                <w:szCs w:val="24"/>
              </w:rPr>
              <w:t>уровень знаний,  умений, навыков</w:t>
            </w:r>
          </w:p>
          <w:p w:rsidR="00F70F65" w:rsidRPr="00030929" w:rsidRDefault="00F70F65" w:rsidP="00774E1E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- составление поделки, соблюдая  технику </w:t>
            </w:r>
            <w:r w:rsidRPr="00030929">
              <w:rPr>
                <w:rFonts w:ascii="Times New Roman" w:hAnsi="Times New Roman"/>
                <w:sz w:val="24"/>
                <w:szCs w:val="24"/>
              </w:rPr>
              <w:t>нетрадиционного изображения рисунка</w:t>
            </w:r>
            <w:r>
              <w:rPr>
                <w:rFonts w:ascii="Times New Roman" w:hAnsi="Times New Roman"/>
                <w:sz w:val="24"/>
                <w:szCs w:val="24"/>
              </w:rPr>
              <w:t>.</w:t>
            </w:r>
          </w:p>
        </w:tc>
        <w:tc>
          <w:tcPr>
            <w:tcW w:w="2552" w:type="dxa"/>
            <w:vMerge w:val="restart"/>
            <w:tcBorders>
              <w:top w:val="single" w:sz="4" w:space="0" w:color="auto"/>
              <w:left w:val="single" w:sz="6" w:space="0" w:color="auto"/>
              <w:right w:val="single" w:sz="6" w:space="0" w:color="auto"/>
            </w:tcBorders>
          </w:tcPr>
          <w:p w:rsidR="00F70F65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 w:rsidRPr="00030929">
              <w:rPr>
                <w:rFonts w:ascii="Times New Roman" w:hAnsi="Times New Roman"/>
                <w:sz w:val="24"/>
                <w:szCs w:val="24"/>
              </w:rPr>
              <w:t>Геометрические фигуры</w:t>
            </w:r>
            <w:r>
              <w:rPr>
                <w:rFonts w:ascii="Times New Roman" w:hAnsi="Times New Roman"/>
                <w:sz w:val="24"/>
                <w:szCs w:val="24"/>
              </w:rPr>
              <w:t xml:space="preserve"> из бумаги, </w:t>
            </w:r>
          </w:p>
          <w:p w:rsidR="00F70F65" w:rsidRPr="00030929" w:rsidRDefault="00F70F65" w:rsidP="00311B9F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приклеить  их на бумагу, так чтоб получилась поделка.</w:t>
            </w:r>
            <w:r w:rsidRPr="00030929">
              <w:rPr>
                <w:rFonts w:ascii="Times New Roman" w:hAnsi="Times New Roman"/>
                <w:sz w:val="24"/>
                <w:szCs w:val="24"/>
              </w:rPr>
              <w:t xml:space="preserve"> 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6" w:space="0" w:color="auto"/>
              <w:right w:val="single" w:sz="6" w:space="0" w:color="auto"/>
            </w:tcBorders>
          </w:tcPr>
          <w:p w:rsidR="00F70F65" w:rsidRPr="00030929" w:rsidRDefault="002A6903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наблюдение</w:t>
            </w:r>
          </w:p>
          <w:p w:rsidR="00F70F65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F70F65" w:rsidRPr="00030929" w:rsidTr="0072667B">
        <w:trPr>
          <w:trHeight w:val="2520"/>
        </w:trPr>
        <w:tc>
          <w:tcPr>
            <w:tcW w:w="2093" w:type="dxa"/>
            <w:tcBorders>
              <w:top w:val="single" w:sz="4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:rsidR="00F70F65" w:rsidRPr="00F70F65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Промежуточный контроль (самостоятельная работа)</w:t>
            </w:r>
          </w:p>
          <w:p w:rsidR="00F70F65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  <w:p w:rsidR="00F70F65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  <w:p w:rsidR="00F70F65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  <w:p w:rsidR="00F70F65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693" w:type="dxa"/>
            <w:vMerge/>
            <w:tcBorders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:rsidR="00F70F65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2552" w:type="dxa"/>
            <w:vMerge/>
            <w:tcBorders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:rsidR="00F70F65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:rsidR="00F70F65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</w:tr>
      <w:tr w:rsidR="00484A76" w:rsidRPr="00030929" w:rsidTr="00F70F65">
        <w:tc>
          <w:tcPr>
            <w:tcW w:w="2093" w:type="dxa"/>
            <w:tcBorders>
              <w:top w:val="single" w:sz="4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84A76" w:rsidRPr="00030929" w:rsidRDefault="00484A76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 w:rsidRPr="00030929">
              <w:rPr>
                <w:rFonts w:ascii="Times New Roman" w:hAnsi="Times New Roman"/>
                <w:sz w:val="24"/>
                <w:szCs w:val="24"/>
              </w:rPr>
              <w:t>Итоговый контрол</w:t>
            </w:r>
            <w:r w:rsidR="00F70F65">
              <w:rPr>
                <w:rFonts w:ascii="Times New Roman" w:hAnsi="Times New Roman"/>
                <w:sz w:val="24"/>
                <w:szCs w:val="24"/>
              </w:rPr>
              <w:t>ь.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84A76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Определение уровня знаний за полученный год.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84A76" w:rsidRPr="00030929" w:rsidRDefault="002A6903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Приложение 1</w:t>
            </w:r>
          </w:p>
        </w:tc>
        <w:tc>
          <w:tcPr>
            <w:tcW w:w="1701" w:type="dxa"/>
            <w:tcBorders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484A76" w:rsidRPr="00030929" w:rsidRDefault="00F70F65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тестирование</w:t>
            </w:r>
          </w:p>
          <w:p w:rsidR="00484A76" w:rsidRPr="00030929" w:rsidRDefault="00484A76" w:rsidP="00F70F65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</w:tr>
    </w:tbl>
    <w:p w:rsidR="00484A76" w:rsidRPr="00030929" w:rsidRDefault="00484A76" w:rsidP="00484A76">
      <w:pPr>
        <w:widowControl w:val="0"/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b/>
          <w:bCs/>
          <w:sz w:val="24"/>
          <w:szCs w:val="24"/>
        </w:rPr>
      </w:pPr>
      <w:r w:rsidRPr="00030929">
        <w:rPr>
          <w:rFonts w:ascii="Times New Roman" w:hAnsi="Times New Roman"/>
          <w:sz w:val="24"/>
          <w:szCs w:val="24"/>
        </w:rPr>
        <w:t xml:space="preserve"> </w:t>
      </w: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2A6903" w:rsidRDefault="002A6903" w:rsidP="007A3E62">
      <w:pPr>
        <w:pStyle w:val="a5"/>
        <w:rPr>
          <w:rFonts w:ascii="Times New Roman" w:hAnsi="Times New Roman"/>
          <w:b/>
          <w:sz w:val="24"/>
          <w:szCs w:val="24"/>
        </w:rPr>
      </w:pPr>
    </w:p>
    <w:p w:rsidR="009E31DA" w:rsidRPr="00406947" w:rsidRDefault="00406947" w:rsidP="007A3E62">
      <w:pPr>
        <w:pStyle w:val="a5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b/>
          <w:sz w:val="24"/>
          <w:szCs w:val="24"/>
        </w:rPr>
        <w:t>Ф</w:t>
      </w:r>
      <w:r w:rsidR="009E31DA" w:rsidRPr="00406947">
        <w:rPr>
          <w:rFonts w:ascii="Times New Roman" w:hAnsi="Times New Roman"/>
          <w:b/>
          <w:sz w:val="24"/>
          <w:szCs w:val="24"/>
        </w:rPr>
        <w:t>ормы педагогического контроля</w:t>
      </w:r>
      <w:r>
        <w:rPr>
          <w:rFonts w:ascii="Times New Roman" w:hAnsi="Times New Roman"/>
          <w:b/>
          <w:sz w:val="24"/>
          <w:szCs w:val="24"/>
        </w:rPr>
        <w:t xml:space="preserve">. </w:t>
      </w:r>
      <w:r>
        <w:rPr>
          <w:rFonts w:ascii="Times New Roman" w:hAnsi="Times New Roman"/>
          <w:sz w:val="24"/>
          <w:szCs w:val="24"/>
        </w:rPr>
        <w:t>Наблюдение, опрос, тестирование, анализ творческих работ выставки, участие в конкурсах.</w:t>
      </w:r>
    </w:p>
    <w:p w:rsidR="00912A54" w:rsidRPr="000539A2" w:rsidRDefault="00912A54" w:rsidP="00912A54">
      <w:pPr>
        <w:tabs>
          <w:tab w:val="left" w:pos="6165"/>
        </w:tabs>
        <w:jc w:val="center"/>
        <w:rPr>
          <w:rFonts w:ascii="Calibri" w:eastAsia="Times New Roman" w:hAnsi="Calibri" w:cs="Arial"/>
          <w:color w:val="000000"/>
          <w:sz w:val="24"/>
          <w:szCs w:val="24"/>
          <w:lang w:eastAsia="ru-RU"/>
        </w:rPr>
      </w:pPr>
    </w:p>
    <w:p w:rsidR="001C7D20" w:rsidRDefault="001C7D20" w:rsidP="00406947">
      <w:pPr>
        <w:pStyle w:val="a5"/>
        <w:jc w:val="center"/>
        <w:rPr>
          <w:rFonts w:ascii="Times New Roman" w:hAnsi="Times New Roman"/>
          <w:b/>
          <w:sz w:val="24"/>
          <w:szCs w:val="24"/>
        </w:rPr>
      </w:pPr>
    </w:p>
    <w:p w:rsidR="001C7D20" w:rsidRDefault="001C7D20" w:rsidP="00406947">
      <w:pPr>
        <w:pStyle w:val="a5"/>
        <w:jc w:val="center"/>
        <w:rPr>
          <w:rFonts w:ascii="Times New Roman" w:hAnsi="Times New Roman"/>
          <w:b/>
          <w:sz w:val="24"/>
          <w:szCs w:val="24"/>
        </w:rPr>
      </w:pPr>
    </w:p>
    <w:p w:rsidR="001C7D20" w:rsidRDefault="001C7D20" w:rsidP="00406947">
      <w:pPr>
        <w:pStyle w:val="a5"/>
        <w:jc w:val="center"/>
        <w:rPr>
          <w:rFonts w:ascii="Times New Roman" w:hAnsi="Times New Roman"/>
          <w:b/>
          <w:sz w:val="24"/>
          <w:szCs w:val="24"/>
        </w:rPr>
      </w:pPr>
    </w:p>
    <w:p w:rsidR="009E31DA" w:rsidRPr="00406947" w:rsidRDefault="009E31DA" w:rsidP="00406947">
      <w:pPr>
        <w:pStyle w:val="a5"/>
        <w:jc w:val="center"/>
        <w:rPr>
          <w:b/>
          <w:sz w:val="24"/>
          <w:szCs w:val="24"/>
        </w:rPr>
      </w:pPr>
      <w:r w:rsidRPr="009E31DA">
        <w:rPr>
          <w:rFonts w:ascii="Times New Roman" w:hAnsi="Times New Roman"/>
          <w:b/>
          <w:sz w:val="24"/>
          <w:szCs w:val="24"/>
        </w:rPr>
        <w:lastRenderedPageBreak/>
        <w:t>6.</w:t>
      </w:r>
      <w:r w:rsidRPr="009E31DA">
        <w:rPr>
          <w:b/>
          <w:sz w:val="24"/>
          <w:szCs w:val="24"/>
        </w:rPr>
        <w:t xml:space="preserve"> </w:t>
      </w:r>
      <w:r w:rsidRPr="00406947">
        <w:rPr>
          <w:rFonts w:ascii="Times New Roman" w:hAnsi="Times New Roman"/>
          <w:b/>
          <w:sz w:val="24"/>
          <w:szCs w:val="24"/>
        </w:rPr>
        <w:t>Нормативная база</w:t>
      </w:r>
    </w:p>
    <w:p w:rsidR="00C26EB0" w:rsidRPr="00406947" w:rsidRDefault="00C26EB0" w:rsidP="00C26EB0">
      <w:pPr>
        <w:pStyle w:val="a6"/>
        <w:numPr>
          <w:ilvl w:val="0"/>
          <w:numId w:val="31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rFonts w:ascii="Times New Roman" w:hAnsi="Times New Roman" w:cs="Times New Roman"/>
          <w:sz w:val="24"/>
          <w:szCs w:val="24"/>
        </w:rPr>
      </w:pPr>
      <w:r w:rsidRPr="00406947">
        <w:rPr>
          <w:rFonts w:ascii="Times New Roman" w:hAnsi="Times New Roman" w:cs="Times New Roman"/>
          <w:sz w:val="24"/>
          <w:szCs w:val="24"/>
        </w:rPr>
        <w:t xml:space="preserve">Конституцией РФ и РК, </w:t>
      </w:r>
    </w:p>
    <w:p w:rsidR="00C26EB0" w:rsidRPr="00406947" w:rsidRDefault="00C26EB0" w:rsidP="00C26EB0">
      <w:pPr>
        <w:pStyle w:val="a6"/>
        <w:numPr>
          <w:ilvl w:val="0"/>
          <w:numId w:val="31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rFonts w:ascii="Times New Roman" w:hAnsi="Times New Roman" w:cs="Times New Roman"/>
          <w:sz w:val="24"/>
          <w:szCs w:val="24"/>
        </w:rPr>
      </w:pPr>
      <w:r w:rsidRPr="00406947">
        <w:rPr>
          <w:rFonts w:ascii="Times New Roman" w:hAnsi="Times New Roman" w:cs="Times New Roman"/>
          <w:sz w:val="24"/>
          <w:szCs w:val="24"/>
        </w:rPr>
        <w:t xml:space="preserve">Законами РФ и РК «Об образовании», </w:t>
      </w:r>
    </w:p>
    <w:p w:rsidR="00C26EB0" w:rsidRPr="00406947" w:rsidRDefault="00C26EB0" w:rsidP="00C26EB0">
      <w:pPr>
        <w:pStyle w:val="a6"/>
        <w:numPr>
          <w:ilvl w:val="0"/>
          <w:numId w:val="31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rFonts w:ascii="Times New Roman" w:hAnsi="Times New Roman" w:cs="Times New Roman"/>
          <w:sz w:val="24"/>
          <w:szCs w:val="24"/>
        </w:rPr>
      </w:pPr>
      <w:r w:rsidRPr="00406947">
        <w:rPr>
          <w:rFonts w:ascii="Times New Roman" w:hAnsi="Times New Roman" w:cs="Times New Roman"/>
          <w:sz w:val="24"/>
          <w:szCs w:val="24"/>
        </w:rPr>
        <w:t>Конвенцией о правах ребенка, СанПиН 2.4.4.3172- 14 от 04.07.2014 №41"Санитарно-эпидемиологические требования к устройству, содержанию и организации режима работы образовательной организации дополнительного образования детей":</w:t>
      </w:r>
    </w:p>
    <w:p w:rsidR="00C26EB0" w:rsidRPr="00406947" w:rsidRDefault="00C26EB0" w:rsidP="00C26EB0">
      <w:pPr>
        <w:pStyle w:val="a6"/>
        <w:numPr>
          <w:ilvl w:val="0"/>
          <w:numId w:val="31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rFonts w:ascii="Times New Roman" w:hAnsi="Times New Roman" w:cs="Times New Roman"/>
          <w:sz w:val="24"/>
          <w:szCs w:val="24"/>
        </w:rPr>
      </w:pPr>
      <w:r w:rsidRPr="00406947">
        <w:rPr>
          <w:rFonts w:ascii="Times New Roman" w:hAnsi="Times New Roman" w:cs="Times New Roman"/>
          <w:sz w:val="24"/>
          <w:szCs w:val="24"/>
        </w:rPr>
        <w:t xml:space="preserve">Приказом Министерства образования и науки Российской Федерации от 30 августа 2013г. №1008 «Об утверждении порядка организации и осуществления образовательной деятельности по дополнительным общеобразовательным программам», </w:t>
      </w:r>
    </w:p>
    <w:p w:rsidR="00C26EB0" w:rsidRPr="00406947" w:rsidRDefault="00C26EB0" w:rsidP="00C26EB0">
      <w:pPr>
        <w:pStyle w:val="a6"/>
        <w:numPr>
          <w:ilvl w:val="0"/>
          <w:numId w:val="31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rFonts w:ascii="Times New Roman" w:hAnsi="Times New Roman" w:cs="Times New Roman"/>
          <w:sz w:val="24"/>
          <w:szCs w:val="24"/>
        </w:rPr>
      </w:pPr>
      <w:r w:rsidRPr="00406947">
        <w:rPr>
          <w:rFonts w:ascii="Times New Roman" w:hAnsi="Times New Roman" w:cs="Times New Roman"/>
          <w:sz w:val="24"/>
          <w:szCs w:val="24"/>
        </w:rPr>
        <w:t xml:space="preserve">Уставом МОУ ДОД «КРЦДОД», </w:t>
      </w:r>
    </w:p>
    <w:p w:rsidR="00C26EB0" w:rsidRPr="00406947" w:rsidRDefault="00C26EB0" w:rsidP="00C26EB0">
      <w:pPr>
        <w:pStyle w:val="a6"/>
        <w:numPr>
          <w:ilvl w:val="0"/>
          <w:numId w:val="31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rFonts w:ascii="Times New Roman" w:hAnsi="Times New Roman" w:cs="Times New Roman"/>
          <w:sz w:val="24"/>
          <w:szCs w:val="24"/>
        </w:rPr>
      </w:pPr>
      <w:r w:rsidRPr="00406947">
        <w:rPr>
          <w:rFonts w:ascii="Times New Roman" w:hAnsi="Times New Roman" w:cs="Times New Roman"/>
          <w:sz w:val="24"/>
          <w:szCs w:val="24"/>
        </w:rPr>
        <w:t>«Примерными требованиями к программам дополнительного образования детей», предложенными в Приложении к письму Департамента молодежной политики, воспитания и социальной поддержки детей Министерства образования и Науки РФ от 11.12.2006 №06-1844;</w:t>
      </w:r>
    </w:p>
    <w:p w:rsidR="00C26EB0" w:rsidRPr="00406947" w:rsidRDefault="00C26EB0" w:rsidP="00C26EB0">
      <w:pPr>
        <w:pStyle w:val="a6"/>
        <w:numPr>
          <w:ilvl w:val="0"/>
          <w:numId w:val="31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rFonts w:ascii="Times New Roman" w:hAnsi="Times New Roman" w:cs="Times New Roman"/>
          <w:sz w:val="24"/>
          <w:szCs w:val="24"/>
        </w:rPr>
      </w:pPr>
      <w:r w:rsidRPr="00406947">
        <w:rPr>
          <w:rFonts w:ascii="Times New Roman" w:hAnsi="Times New Roman" w:cs="Times New Roman"/>
          <w:sz w:val="24"/>
          <w:szCs w:val="24"/>
        </w:rPr>
        <w:t>требованиями, содержащимися в письмах Министерства образования</w:t>
      </w:r>
      <w:r w:rsidRPr="00406947">
        <w:rPr>
          <w:rStyle w:val="1pt"/>
          <w:sz w:val="24"/>
          <w:szCs w:val="24"/>
        </w:rPr>
        <w:t xml:space="preserve"> и высшей школы</w:t>
      </w:r>
      <w:r w:rsidRPr="00406947">
        <w:rPr>
          <w:rFonts w:ascii="Times New Roman" w:hAnsi="Times New Roman" w:cs="Times New Roman"/>
          <w:sz w:val="24"/>
          <w:szCs w:val="24"/>
        </w:rPr>
        <w:t xml:space="preserve"> РК от 12.08.2003 № 07-18/94, от 11.01.2007 №07-18/2.</w:t>
      </w:r>
    </w:p>
    <w:p w:rsidR="00C26EB0" w:rsidRPr="00406947" w:rsidRDefault="00C26EB0" w:rsidP="009E31DA">
      <w:pPr>
        <w:pStyle w:val="a5"/>
        <w:jc w:val="center"/>
        <w:rPr>
          <w:rFonts w:ascii="Times New Roman" w:hAnsi="Times New Roman"/>
          <w:sz w:val="24"/>
          <w:szCs w:val="24"/>
          <w:highlight w:val="yellow"/>
        </w:rPr>
      </w:pPr>
    </w:p>
    <w:p w:rsidR="009E31DA" w:rsidRPr="00406947" w:rsidRDefault="009E31DA" w:rsidP="009E31DA">
      <w:pPr>
        <w:pStyle w:val="a5"/>
        <w:rPr>
          <w:rFonts w:ascii="Times New Roman" w:hAnsi="Times New Roman"/>
          <w:bCs/>
          <w:sz w:val="24"/>
          <w:szCs w:val="24"/>
          <w:highlight w:val="yellow"/>
        </w:rPr>
      </w:pPr>
    </w:p>
    <w:p w:rsidR="009E31DA" w:rsidRPr="00406947" w:rsidRDefault="009E31DA" w:rsidP="009E31DA">
      <w:pPr>
        <w:pStyle w:val="a5"/>
        <w:rPr>
          <w:rFonts w:ascii="Times New Roman" w:hAnsi="Times New Roman"/>
          <w:bCs/>
          <w:sz w:val="24"/>
          <w:szCs w:val="24"/>
        </w:rPr>
      </w:pPr>
    </w:p>
    <w:p w:rsidR="00EE2ABA" w:rsidRDefault="00EE2ABA">
      <w:pPr>
        <w:rPr>
          <w:b/>
          <w:sz w:val="24"/>
          <w:szCs w:val="24"/>
        </w:rPr>
      </w:pPr>
    </w:p>
    <w:p w:rsidR="00406947" w:rsidRDefault="00406947" w:rsidP="00875D61">
      <w:pPr>
        <w:tabs>
          <w:tab w:val="left" w:pos="6165"/>
        </w:tabs>
        <w:ind w:left="3544"/>
        <w:rPr>
          <w:rFonts w:ascii="Times New Roman" w:hAnsi="Times New Roman" w:cs="Times New Roman"/>
          <w:b/>
          <w:sz w:val="24"/>
          <w:szCs w:val="24"/>
        </w:rPr>
      </w:pPr>
    </w:p>
    <w:p w:rsidR="009E31DA" w:rsidRPr="009E31DA" w:rsidRDefault="009E31DA" w:rsidP="00406947">
      <w:pPr>
        <w:tabs>
          <w:tab w:val="left" w:pos="6165"/>
        </w:tabs>
        <w:jc w:val="center"/>
        <w:rPr>
          <w:rFonts w:ascii="Times New Roman" w:hAnsi="Times New Roman" w:cs="Times New Roman"/>
          <w:b/>
          <w:sz w:val="24"/>
          <w:szCs w:val="24"/>
        </w:rPr>
      </w:pPr>
      <w:r w:rsidRPr="009E31DA">
        <w:rPr>
          <w:rFonts w:ascii="Times New Roman" w:hAnsi="Times New Roman" w:cs="Times New Roman"/>
          <w:b/>
          <w:sz w:val="24"/>
          <w:szCs w:val="24"/>
        </w:rPr>
        <w:t>7. Список использованной литературы</w:t>
      </w:r>
    </w:p>
    <w:p w:rsidR="00912A54" w:rsidRPr="00875D61" w:rsidRDefault="00912A54" w:rsidP="00875D61">
      <w:pPr>
        <w:tabs>
          <w:tab w:val="left" w:pos="6165"/>
        </w:tabs>
        <w:ind w:left="3544"/>
        <w:rPr>
          <w:rFonts w:ascii="Times New Roman" w:hAnsi="Times New Roman" w:cs="Times New Roman"/>
          <w:b/>
          <w:i/>
          <w:sz w:val="24"/>
          <w:szCs w:val="24"/>
        </w:rPr>
      </w:pPr>
      <w:r w:rsidRPr="00875D61">
        <w:rPr>
          <w:rFonts w:ascii="Times New Roman" w:hAnsi="Times New Roman" w:cs="Times New Roman"/>
          <w:b/>
          <w:i/>
          <w:sz w:val="24"/>
          <w:szCs w:val="24"/>
        </w:rPr>
        <w:t>Литература для педагога.</w:t>
      </w:r>
    </w:p>
    <w:p w:rsidR="00912A54" w:rsidRPr="00875D61" w:rsidRDefault="00875D61" w:rsidP="00875D61">
      <w:pPr>
        <w:tabs>
          <w:tab w:val="left" w:pos="6165"/>
        </w:tabs>
        <w:suppressAutoHyphens/>
        <w:spacing w:after="0" w:line="240" w:lineRule="auto"/>
        <w:ind w:left="360"/>
        <w:jc w:val="both"/>
        <w:rPr>
          <w:rFonts w:ascii="Times New Roman" w:hAnsi="Times New Roman" w:cs="Times New Roman"/>
          <w:sz w:val="24"/>
          <w:szCs w:val="24"/>
        </w:rPr>
      </w:pPr>
      <w:r w:rsidRPr="00875D61">
        <w:rPr>
          <w:rFonts w:ascii="Times New Roman" w:hAnsi="Times New Roman" w:cs="Times New Roman"/>
          <w:sz w:val="24"/>
          <w:szCs w:val="24"/>
        </w:rPr>
        <w:t>1.</w:t>
      </w:r>
      <w:r w:rsidR="009E31DA">
        <w:rPr>
          <w:rFonts w:ascii="Times New Roman" w:hAnsi="Times New Roman" w:cs="Times New Roman"/>
          <w:sz w:val="24"/>
          <w:szCs w:val="24"/>
        </w:rPr>
        <w:t>«Умные руки». Издательство «</w:t>
      </w:r>
      <w:r w:rsidR="00912A54" w:rsidRPr="00875D61">
        <w:rPr>
          <w:rFonts w:ascii="Times New Roman" w:hAnsi="Times New Roman" w:cs="Times New Roman"/>
          <w:sz w:val="24"/>
          <w:szCs w:val="24"/>
        </w:rPr>
        <w:t>Учебная литература» 2006г.</w:t>
      </w:r>
    </w:p>
    <w:p w:rsidR="00875D61" w:rsidRPr="00875D61" w:rsidRDefault="00875D61" w:rsidP="00875D61">
      <w:pPr>
        <w:tabs>
          <w:tab w:val="left" w:pos="6165"/>
        </w:tabs>
        <w:suppressAutoHyphens/>
        <w:spacing w:after="0" w:line="240" w:lineRule="auto"/>
        <w:ind w:left="360"/>
        <w:jc w:val="both"/>
        <w:rPr>
          <w:rFonts w:ascii="Times New Roman" w:hAnsi="Times New Roman" w:cs="Times New Roman"/>
          <w:sz w:val="24"/>
          <w:szCs w:val="24"/>
        </w:rPr>
      </w:pPr>
      <w:r w:rsidRPr="00875D61">
        <w:rPr>
          <w:rFonts w:ascii="Times New Roman" w:hAnsi="Times New Roman" w:cs="Times New Roman"/>
          <w:sz w:val="24"/>
          <w:szCs w:val="24"/>
        </w:rPr>
        <w:t>2.</w:t>
      </w:r>
      <w:r w:rsidR="00912A54" w:rsidRPr="00875D61">
        <w:rPr>
          <w:rFonts w:ascii="Times New Roman" w:hAnsi="Times New Roman" w:cs="Times New Roman"/>
          <w:sz w:val="24"/>
          <w:szCs w:val="24"/>
        </w:rPr>
        <w:t>«Уроки мастерства». Издательство Учебная литература» 2006г.</w:t>
      </w:r>
    </w:p>
    <w:p w:rsidR="00875D61" w:rsidRPr="00875D61" w:rsidRDefault="00875D61" w:rsidP="00875D61">
      <w:pPr>
        <w:pStyle w:val="a5"/>
        <w:ind w:left="360"/>
        <w:jc w:val="both"/>
        <w:rPr>
          <w:rFonts w:ascii="Times New Roman" w:hAnsi="Times New Roman"/>
          <w:sz w:val="24"/>
          <w:szCs w:val="24"/>
        </w:rPr>
      </w:pPr>
      <w:r w:rsidRPr="00875D61">
        <w:rPr>
          <w:rFonts w:ascii="Times New Roman" w:hAnsi="Times New Roman"/>
          <w:sz w:val="24"/>
          <w:szCs w:val="24"/>
        </w:rPr>
        <w:t>3. «Сделай сам».</w:t>
      </w:r>
      <w:r w:rsidR="009E31DA">
        <w:rPr>
          <w:rFonts w:ascii="Times New Roman" w:hAnsi="Times New Roman"/>
          <w:sz w:val="24"/>
          <w:szCs w:val="24"/>
        </w:rPr>
        <w:t xml:space="preserve"> Москва, Издательство «Знание» </w:t>
      </w:r>
      <w:r w:rsidRPr="00875D61">
        <w:rPr>
          <w:rFonts w:ascii="Times New Roman" w:hAnsi="Times New Roman"/>
          <w:sz w:val="24"/>
          <w:szCs w:val="24"/>
        </w:rPr>
        <w:t xml:space="preserve">1994г. </w:t>
      </w:r>
    </w:p>
    <w:p w:rsidR="00875D61" w:rsidRPr="00875D61" w:rsidRDefault="00875D61" w:rsidP="00875D61">
      <w:pPr>
        <w:pStyle w:val="a5"/>
        <w:ind w:left="360"/>
        <w:jc w:val="both"/>
        <w:rPr>
          <w:rFonts w:ascii="Times New Roman" w:hAnsi="Times New Roman"/>
          <w:b/>
          <w:sz w:val="24"/>
          <w:szCs w:val="24"/>
        </w:rPr>
      </w:pPr>
      <w:r w:rsidRPr="00875D61">
        <w:rPr>
          <w:rFonts w:ascii="Times New Roman" w:hAnsi="Times New Roman"/>
          <w:sz w:val="24"/>
          <w:szCs w:val="24"/>
        </w:rPr>
        <w:t>4.«Сувенир из ничего». ГУ РК «Редакция газеты «Радуга», оформление, 2003.</w:t>
      </w:r>
      <w:r w:rsidRPr="00875D61">
        <w:rPr>
          <w:rFonts w:ascii="Times New Roman" w:hAnsi="Times New Roman"/>
          <w:b/>
          <w:sz w:val="24"/>
          <w:szCs w:val="24"/>
        </w:rPr>
        <w:t xml:space="preserve"> </w:t>
      </w:r>
    </w:p>
    <w:p w:rsidR="00875D61" w:rsidRPr="00875D61" w:rsidRDefault="00875D61" w:rsidP="00875D61">
      <w:pPr>
        <w:pStyle w:val="a5"/>
        <w:ind w:left="360"/>
        <w:jc w:val="both"/>
        <w:rPr>
          <w:rFonts w:ascii="Times New Roman" w:hAnsi="Times New Roman"/>
          <w:b/>
          <w:sz w:val="24"/>
          <w:szCs w:val="24"/>
        </w:rPr>
      </w:pPr>
      <w:r w:rsidRPr="00875D61">
        <w:rPr>
          <w:rFonts w:ascii="Times New Roman" w:hAnsi="Times New Roman"/>
          <w:sz w:val="24"/>
          <w:szCs w:val="24"/>
        </w:rPr>
        <w:t>5.«Художественный труд в детских садах». Москва, «Просвещение» Белград 1992г</w:t>
      </w:r>
    </w:p>
    <w:p w:rsidR="00912A54" w:rsidRPr="00875D61" w:rsidRDefault="00875D61" w:rsidP="00875D61">
      <w:pPr>
        <w:tabs>
          <w:tab w:val="left" w:pos="6165"/>
        </w:tabs>
        <w:suppressAutoHyphens/>
        <w:spacing w:after="0" w:line="240" w:lineRule="auto"/>
        <w:ind w:left="360"/>
        <w:jc w:val="both"/>
        <w:rPr>
          <w:rFonts w:ascii="Times New Roman" w:hAnsi="Times New Roman" w:cs="Times New Roman"/>
          <w:sz w:val="24"/>
          <w:szCs w:val="24"/>
        </w:rPr>
      </w:pPr>
      <w:r w:rsidRPr="00875D61">
        <w:rPr>
          <w:rFonts w:ascii="Times New Roman" w:hAnsi="Times New Roman" w:cs="Times New Roman"/>
          <w:sz w:val="24"/>
          <w:szCs w:val="24"/>
        </w:rPr>
        <w:t>6.</w:t>
      </w:r>
      <w:r w:rsidR="00912A54" w:rsidRPr="00875D61">
        <w:rPr>
          <w:rFonts w:ascii="Times New Roman" w:hAnsi="Times New Roman" w:cs="Times New Roman"/>
          <w:sz w:val="24"/>
          <w:szCs w:val="24"/>
        </w:rPr>
        <w:t xml:space="preserve">«Чудесные поделки из бумаги». Москва, </w:t>
      </w:r>
      <w:proofErr w:type="spellStart"/>
      <w:r w:rsidR="00912A54" w:rsidRPr="00875D61">
        <w:rPr>
          <w:rFonts w:ascii="Times New Roman" w:hAnsi="Times New Roman" w:cs="Times New Roman"/>
          <w:sz w:val="24"/>
          <w:szCs w:val="24"/>
        </w:rPr>
        <w:t>Жемо</w:t>
      </w:r>
      <w:proofErr w:type="spellEnd"/>
      <w:r w:rsidR="00912A54" w:rsidRPr="00875D61">
        <w:rPr>
          <w:rFonts w:ascii="Times New Roman" w:hAnsi="Times New Roman" w:cs="Times New Roman"/>
          <w:sz w:val="24"/>
          <w:szCs w:val="24"/>
        </w:rPr>
        <w:t xml:space="preserve"> 2006</w:t>
      </w:r>
      <w:r w:rsidR="009E31DA">
        <w:rPr>
          <w:rFonts w:ascii="Times New Roman" w:hAnsi="Times New Roman" w:cs="Times New Roman"/>
          <w:sz w:val="24"/>
          <w:szCs w:val="24"/>
        </w:rPr>
        <w:t xml:space="preserve"> г.</w:t>
      </w:r>
    </w:p>
    <w:p w:rsidR="007A3E62" w:rsidRPr="00875D61" w:rsidRDefault="007A3E62" w:rsidP="00875D61">
      <w:pPr>
        <w:tabs>
          <w:tab w:val="left" w:pos="6165"/>
        </w:tabs>
        <w:suppressAutoHyphens/>
        <w:spacing w:after="0" w:line="240" w:lineRule="auto"/>
        <w:ind w:left="585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7A3E62" w:rsidRPr="00875D61" w:rsidRDefault="007A3E62" w:rsidP="00875D61">
      <w:pPr>
        <w:pStyle w:val="a5"/>
        <w:jc w:val="both"/>
        <w:rPr>
          <w:rFonts w:ascii="Times New Roman" w:hAnsi="Times New Roman"/>
          <w:b/>
          <w:sz w:val="24"/>
          <w:szCs w:val="24"/>
        </w:rPr>
      </w:pPr>
    </w:p>
    <w:p w:rsidR="007A3E62" w:rsidRPr="00875D61" w:rsidRDefault="007A3E62" w:rsidP="007A3E62">
      <w:pPr>
        <w:pStyle w:val="a5"/>
        <w:rPr>
          <w:rFonts w:ascii="Times New Roman" w:hAnsi="Times New Roman"/>
          <w:sz w:val="24"/>
          <w:szCs w:val="24"/>
        </w:rPr>
      </w:pPr>
    </w:p>
    <w:p w:rsidR="007A3E62" w:rsidRDefault="007A3E62" w:rsidP="007A3E62">
      <w:pPr>
        <w:pStyle w:val="a5"/>
        <w:rPr>
          <w:rFonts w:ascii="Times New Roman" w:hAnsi="Times New Roman"/>
          <w:bCs/>
          <w:sz w:val="24"/>
          <w:szCs w:val="24"/>
        </w:rPr>
      </w:pPr>
    </w:p>
    <w:p w:rsidR="007A3E62" w:rsidRDefault="007A3E62" w:rsidP="007A3E62">
      <w:pPr>
        <w:pStyle w:val="a5"/>
        <w:rPr>
          <w:rFonts w:ascii="Times New Roman" w:hAnsi="Times New Roman"/>
          <w:bCs/>
          <w:sz w:val="24"/>
          <w:szCs w:val="24"/>
        </w:rPr>
      </w:pPr>
    </w:p>
    <w:p w:rsidR="007A3E62" w:rsidRDefault="007A3E62" w:rsidP="007A3E62">
      <w:pPr>
        <w:pStyle w:val="a5"/>
        <w:rPr>
          <w:rFonts w:ascii="Times New Roman" w:hAnsi="Times New Roman"/>
          <w:bCs/>
          <w:sz w:val="24"/>
          <w:szCs w:val="24"/>
        </w:rPr>
      </w:pPr>
    </w:p>
    <w:p w:rsidR="007A3E62" w:rsidRDefault="007A3E62" w:rsidP="007A3E62">
      <w:pPr>
        <w:pStyle w:val="a5"/>
        <w:rPr>
          <w:rFonts w:ascii="Times New Roman" w:hAnsi="Times New Roman"/>
          <w:bCs/>
          <w:sz w:val="24"/>
          <w:szCs w:val="24"/>
        </w:rPr>
      </w:pPr>
    </w:p>
    <w:p w:rsidR="007A3E62" w:rsidRDefault="007A3E62" w:rsidP="007A3E62">
      <w:pPr>
        <w:pStyle w:val="a5"/>
        <w:rPr>
          <w:rFonts w:ascii="Times New Roman" w:hAnsi="Times New Roman"/>
          <w:bCs/>
          <w:sz w:val="24"/>
          <w:szCs w:val="24"/>
        </w:rPr>
      </w:pPr>
    </w:p>
    <w:p w:rsidR="007A3E62" w:rsidRDefault="007A3E62" w:rsidP="007A3E62">
      <w:pPr>
        <w:pStyle w:val="a5"/>
        <w:rPr>
          <w:rFonts w:ascii="Times New Roman" w:hAnsi="Times New Roman"/>
          <w:bCs/>
          <w:sz w:val="24"/>
          <w:szCs w:val="24"/>
        </w:rPr>
      </w:pPr>
    </w:p>
    <w:p w:rsidR="00912A54" w:rsidRDefault="00912A54" w:rsidP="009B7A78">
      <w:pPr>
        <w:tabs>
          <w:tab w:val="left" w:pos="6165"/>
        </w:tabs>
        <w:suppressAutoHyphens/>
        <w:spacing w:after="0" w:line="240" w:lineRule="auto"/>
        <w:jc w:val="both"/>
      </w:pPr>
    </w:p>
    <w:p w:rsidR="007A3E62" w:rsidRDefault="007A3E62" w:rsidP="007A3E62">
      <w:pPr>
        <w:tabs>
          <w:tab w:val="left" w:pos="6165"/>
        </w:tabs>
        <w:suppressAutoHyphens/>
        <w:spacing w:after="0" w:line="240" w:lineRule="auto"/>
        <w:jc w:val="both"/>
      </w:pPr>
    </w:p>
    <w:p w:rsidR="007A3E62" w:rsidRDefault="007A3E62" w:rsidP="007A3E62">
      <w:pPr>
        <w:tabs>
          <w:tab w:val="left" w:pos="6165"/>
        </w:tabs>
        <w:suppressAutoHyphens/>
        <w:spacing w:after="0" w:line="240" w:lineRule="auto"/>
        <w:jc w:val="both"/>
      </w:pPr>
    </w:p>
    <w:p w:rsidR="007A3E62" w:rsidRDefault="007A3E62" w:rsidP="007A3E62">
      <w:pPr>
        <w:tabs>
          <w:tab w:val="left" w:pos="6165"/>
        </w:tabs>
        <w:suppressAutoHyphens/>
        <w:spacing w:after="0" w:line="240" w:lineRule="auto"/>
        <w:jc w:val="both"/>
      </w:pPr>
    </w:p>
    <w:p w:rsidR="002A6903" w:rsidRDefault="002A6903" w:rsidP="001C7D20">
      <w:pPr>
        <w:pStyle w:val="Default"/>
        <w:rPr>
          <w:color w:val="auto"/>
        </w:rPr>
      </w:pPr>
    </w:p>
    <w:p w:rsidR="002A6903" w:rsidRPr="002A6903" w:rsidRDefault="002A6903" w:rsidP="002A6903">
      <w:pPr>
        <w:pStyle w:val="Default"/>
        <w:jc w:val="center"/>
        <w:rPr>
          <w:b/>
          <w:color w:val="auto"/>
        </w:rPr>
      </w:pPr>
      <w:r w:rsidRPr="002A6903">
        <w:rPr>
          <w:b/>
          <w:color w:val="auto"/>
        </w:rPr>
        <w:lastRenderedPageBreak/>
        <w:t>Приложение</w:t>
      </w:r>
    </w:p>
    <w:p w:rsidR="002A6903" w:rsidRPr="00030929" w:rsidRDefault="002A6903" w:rsidP="002A6903">
      <w:pPr>
        <w:pStyle w:val="Default"/>
        <w:jc w:val="right"/>
        <w:rPr>
          <w:color w:val="auto"/>
        </w:rPr>
      </w:pPr>
      <w:r>
        <w:rPr>
          <w:color w:val="auto"/>
        </w:rPr>
        <w:t>Приложение 1</w:t>
      </w:r>
    </w:p>
    <w:p w:rsidR="002A6903" w:rsidRPr="00030929" w:rsidRDefault="002A6903" w:rsidP="002A6903">
      <w:pPr>
        <w:pStyle w:val="Default"/>
        <w:jc w:val="center"/>
        <w:rPr>
          <w:color w:val="auto"/>
        </w:rPr>
      </w:pPr>
      <w:r w:rsidRPr="00030929">
        <w:rPr>
          <w:color w:val="auto"/>
        </w:rPr>
        <w:t>Ито</w:t>
      </w:r>
      <w:r>
        <w:rPr>
          <w:color w:val="auto"/>
        </w:rPr>
        <w:t xml:space="preserve">говый  контроль </w:t>
      </w:r>
    </w:p>
    <w:p w:rsidR="002A6903" w:rsidRPr="00030929" w:rsidRDefault="002A6903" w:rsidP="002A6903">
      <w:pPr>
        <w:pStyle w:val="Default"/>
        <w:jc w:val="center"/>
        <w:rPr>
          <w:color w:val="auto"/>
        </w:rPr>
      </w:pPr>
    </w:p>
    <w:p w:rsidR="002A6903" w:rsidRPr="00030929" w:rsidRDefault="001C7D20" w:rsidP="002A6903">
      <w:pPr>
        <w:pStyle w:val="Default"/>
        <w:rPr>
          <w:color w:val="auto"/>
        </w:rPr>
      </w:pPr>
      <w:r>
        <w:rPr>
          <w:b/>
          <w:bCs/>
        </w:rPr>
        <w:t xml:space="preserve">Тест </w:t>
      </w:r>
      <w:r w:rsidR="002A6903" w:rsidRPr="00030929">
        <w:rPr>
          <w:b/>
          <w:bCs/>
        </w:rPr>
        <w:t xml:space="preserve">«Дорисуй фигуру»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030929">
        <w:rPr>
          <w:b/>
          <w:bCs/>
          <w:color w:val="auto"/>
        </w:rPr>
        <w:t xml:space="preserve">Цель: </w:t>
      </w:r>
      <w:r w:rsidRPr="00030929">
        <w:rPr>
          <w:color w:val="auto"/>
        </w:rPr>
        <w:t xml:space="preserve">Выявление уровня развития творческих способностей, изучение оригинальности решения задач на воображение.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030929">
        <w:rPr>
          <w:b/>
          <w:bCs/>
          <w:color w:val="auto"/>
        </w:rPr>
        <w:t xml:space="preserve">Оборудование: </w:t>
      </w:r>
      <w:r w:rsidRPr="00030929">
        <w:rPr>
          <w:color w:val="auto"/>
        </w:rPr>
        <w:t>Набор из десяти карточек с нарисованными на них фигурами (контурное изображение частей предметов, например, ствол с одной веткой, кружок</w:t>
      </w:r>
      <w:r>
        <w:rPr>
          <w:color w:val="auto"/>
        </w:rPr>
        <w:t xml:space="preserve"> </w:t>
      </w:r>
      <w:r w:rsidRPr="00030929">
        <w:rPr>
          <w:color w:val="auto"/>
        </w:rPr>
        <w:t>- голова с двумя ушами и т.д.), простые геометрические фигуры</w:t>
      </w:r>
      <w:r>
        <w:rPr>
          <w:color w:val="auto"/>
        </w:rPr>
        <w:t xml:space="preserve"> </w:t>
      </w:r>
      <w:r w:rsidRPr="00030929">
        <w:rPr>
          <w:color w:val="auto"/>
        </w:rPr>
        <w:t xml:space="preserve">(треугольник, круг, квадрат и т.д.), цветные карандаши, </w:t>
      </w:r>
      <w:r>
        <w:rPr>
          <w:color w:val="auto"/>
        </w:rPr>
        <w:t>цветная бумага, ножницы.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030929">
        <w:rPr>
          <w:b/>
          <w:bCs/>
          <w:color w:val="auto"/>
        </w:rPr>
        <w:t xml:space="preserve">Порядок исследования: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030929">
        <w:rPr>
          <w:color w:val="auto"/>
        </w:rPr>
        <w:t>Ребёнку необходимо дорисовать</w:t>
      </w:r>
      <w:r>
        <w:rPr>
          <w:color w:val="auto"/>
        </w:rPr>
        <w:t xml:space="preserve">, доклеить </w:t>
      </w:r>
      <w:r w:rsidRPr="00030929">
        <w:rPr>
          <w:color w:val="auto"/>
        </w:rPr>
        <w:t xml:space="preserve"> каждую из фигур так, чтобы получилась красивая картина.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030929">
        <w:rPr>
          <w:b/>
          <w:bCs/>
          <w:color w:val="auto"/>
        </w:rPr>
        <w:t xml:space="preserve">Обработка и анализ результатов.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030929">
        <w:rPr>
          <w:color w:val="auto"/>
        </w:rPr>
        <w:t xml:space="preserve">Количественная оценка степени оригинальности производится подсчётом количества изображений, которые не повторялись у ребёнка и не повторялись ни у кого из детей группы. Одинаковыми считаются те рисунки в которых разные эталонные фигуры превращались в один и тот же элемент рисунка. Подсчитанный коэффициент оригинальности соотносят с одним из шести типов решения задачи на воображение.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2A6903">
        <w:rPr>
          <w:b/>
          <w:color w:val="auto"/>
        </w:rPr>
        <w:t>Нулевой тип</w:t>
      </w:r>
      <w:r w:rsidRPr="00030929">
        <w:rPr>
          <w:color w:val="auto"/>
        </w:rPr>
        <w:t xml:space="preserve">. Характеризуется тем, что ребёнок ещё не принимает задачу на построение образа воображения с использованием заданного элемента. Он не дорисовывает его, а рисует рядом что-то своё (свободное фантазирование).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2A6903">
        <w:rPr>
          <w:b/>
          <w:color w:val="auto"/>
        </w:rPr>
        <w:t>1 тип</w:t>
      </w:r>
      <w:r w:rsidRPr="00030929">
        <w:rPr>
          <w:color w:val="auto"/>
        </w:rPr>
        <w:t xml:space="preserve"> – ребёнок дорисовывает фигуру на карточке так, что получается изображение отдельного объекта, но изображение контурное, схематичное, лишённое деталей;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2A6903">
        <w:rPr>
          <w:b/>
          <w:color w:val="auto"/>
        </w:rPr>
        <w:t>2 тип</w:t>
      </w:r>
      <w:r w:rsidRPr="00030929">
        <w:rPr>
          <w:color w:val="auto"/>
        </w:rPr>
        <w:t xml:space="preserve"> – Так же изображается отдельный объект, но с разнообразными деталями;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2A6903">
        <w:rPr>
          <w:b/>
          <w:color w:val="auto"/>
        </w:rPr>
        <w:t>3 тип</w:t>
      </w:r>
      <w:r w:rsidRPr="00030929">
        <w:rPr>
          <w:color w:val="auto"/>
        </w:rPr>
        <w:t xml:space="preserve"> – изображая отдельный объект, ребёнок уже включает его в какой-нибудь воображаемый сюжет (н-р: не просто девочка, а девочка, делающая зарядку);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2A6903">
        <w:rPr>
          <w:b/>
          <w:color w:val="auto"/>
        </w:rPr>
        <w:t>4 тип</w:t>
      </w:r>
      <w:r w:rsidRPr="00030929">
        <w:rPr>
          <w:color w:val="auto"/>
        </w:rPr>
        <w:t xml:space="preserve"> – Ребёнок изображает несколько объектов по воображаемому сюжету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030929">
        <w:rPr>
          <w:color w:val="auto"/>
        </w:rPr>
        <w:t xml:space="preserve">(н-р: девочка гуляет с собакой);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2A6903">
        <w:rPr>
          <w:b/>
          <w:color w:val="auto"/>
        </w:rPr>
        <w:t>5 тип</w:t>
      </w:r>
      <w:r w:rsidRPr="00030929">
        <w:rPr>
          <w:color w:val="auto"/>
        </w:rPr>
        <w:t xml:space="preserve"> – Заданная фигура используется качественно по-новому. Если в 1-4 типах она выступает как основная часть картинки, которую рисовал ребёнок (кружок-голова), то теперь фигура включается, как один из второстепенных элементов для создания образа воображения </w:t>
      </w:r>
      <w:proofErr w:type="gramStart"/>
      <w:r w:rsidRPr="00030929">
        <w:rPr>
          <w:color w:val="auto"/>
        </w:rPr>
        <w:t>( треугольник</w:t>
      </w:r>
      <w:proofErr w:type="gramEnd"/>
      <w:r w:rsidRPr="00030929">
        <w:rPr>
          <w:color w:val="auto"/>
        </w:rPr>
        <w:t xml:space="preserve"> уже не крыша, а грифель карандаша, которым мальчик рисует картину).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030929">
        <w:rPr>
          <w:color w:val="auto"/>
        </w:rPr>
        <w:t xml:space="preserve">Выполнение задания распределяется по уровням выраженности творческих проявлений в рисунках детей: </w:t>
      </w:r>
    </w:p>
    <w:p w:rsidR="002A6903" w:rsidRPr="00030929" w:rsidRDefault="002A6903" w:rsidP="002A6903">
      <w:pPr>
        <w:pStyle w:val="Default"/>
        <w:rPr>
          <w:color w:val="auto"/>
        </w:rPr>
        <w:sectPr w:rsidR="002A6903" w:rsidRPr="00030929">
          <w:pgSz w:w="12240" w:h="15840"/>
          <w:pgMar w:top="1134" w:right="850" w:bottom="1134" w:left="1701" w:header="720" w:footer="720" w:gutter="0"/>
          <w:cols w:space="720"/>
          <w:noEndnote/>
        </w:sectPr>
      </w:pPr>
      <w:r w:rsidRPr="002A6903">
        <w:rPr>
          <w:b/>
          <w:color w:val="auto"/>
        </w:rPr>
        <w:t>Низкий уровень</w:t>
      </w:r>
      <w:r w:rsidRPr="00030929">
        <w:rPr>
          <w:color w:val="auto"/>
        </w:rPr>
        <w:t xml:space="preserve"> – ребёнок выполняет задание по 1 и 2 типу решения задач на воображение;</w:t>
      </w:r>
    </w:p>
    <w:p w:rsidR="002A6903" w:rsidRDefault="002A6903" w:rsidP="003D6C3F">
      <w:pPr>
        <w:pStyle w:val="Default"/>
        <w:jc w:val="both"/>
        <w:rPr>
          <w:color w:val="auto"/>
        </w:rPr>
      </w:pPr>
    </w:p>
    <w:p w:rsidR="002A6903" w:rsidRPr="00030929" w:rsidRDefault="002A6903" w:rsidP="002A6903">
      <w:pPr>
        <w:pStyle w:val="Default"/>
        <w:rPr>
          <w:color w:val="auto"/>
        </w:rPr>
      </w:pPr>
      <w:r w:rsidRPr="002A6903">
        <w:rPr>
          <w:b/>
          <w:color w:val="auto"/>
        </w:rPr>
        <w:t>Средний уровень</w:t>
      </w:r>
      <w:r w:rsidRPr="00030929">
        <w:rPr>
          <w:color w:val="auto"/>
        </w:rPr>
        <w:t xml:space="preserve"> - ребёнок выполняет задание по 3 и 4 типу решения задач на воображение; </w:t>
      </w:r>
    </w:p>
    <w:p w:rsidR="002A6903" w:rsidRPr="00030929" w:rsidRDefault="002A6903" w:rsidP="002A6903">
      <w:pPr>
        <w:pStyle w:val="Default"/>
        <w:rPr>
          <w:color w:val="auto"/>
        </w:rPr>
      </w:pPr>
      <w:r w:rsidRPr="002A6903">
        <w:rPr>
          <w:b/>
          <w:color w:val="auto"/>
        </w:rPr>
        <w:t>Высокий уровень</w:t>
      </w:r>
      <w:r w:rsidRPr="00030929">
        <w:rPr>
          <w:color w:val="auto"/>
        </w:rPr>
        <w:t xml:space="preserve"> - ребёнок выполняет задание по 5 типу решения задач на воображение. </w:t>
      </w:r>
    </w:p>
    <w:p w:rsidR="002A6903" w:rsidRPr="00030929" w:rsidRDefault="002A6903" w:rsidP="002A6903">
      <w:pPr>
        <w:pStyle w:val="Default"/>
        <w:jc w:val="center"/>
        <w:rPr>
          <w:b/>
          <w:bCs/>
          <w:color w:val="auto"/>
        </w:rPr>
      </w:pPr>
    </w:p>
    <w:p w:rsidR="002A6903" w:rsidRDefault="002A6903" w:rsidP="002A6903">
      <w:pPr>
        <w:pStyle w:val="Default"/>
        <w:jc w:val="center"/>
        <w:rPr>
          <w:b/>
          <w:bCs/>
          <w:color w:val="auto"/>
        </w:rPr>
      </w:pPr>
    </w:p>
    <w:p w:rsidR="002A6903" w:rsidRDefault="002A6903" w:rsidP="002A6903">
      <w:pPr>
        <w:pStyle w:val="Default"/>
        <w:jc w:val="center"/>
        <w:rPr>
          <w:b/>
          <w:bCs/>
          <w:color w:val="auto"/>
        </w:rPr>
      </w:pPr>
    </w:p>
    <w:p w:rsidR="008047BF" w:rsidRDefault="008047BF" w:rsidP="00511790">
      <w:pPr>
        <w:pStyle w:val="Default"/>
        <w:ind w:left="7655"/>
        <w:jc w:val="both"/>
        <w:rPr>
          <w:color w:val="auto"/>
        </w:rPr>
      </w:pPr>
      <w:r>
        <w:rPr>
          <w:color w:val="auto"/>
        </w:rPr>
        <w:t>Приложение 2</w:t>
      </w:r>
    </w:p>
    <w:p w:rsidR="008047BF" w:rsidRPr="00030929" w:rsidRDefault="008047BF" w:rsidP="008047BF">
      <w:pPr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/>
          <w:b/>
          <w:sz w:val="24"/>
          <w:szCs w:val="24"/>
        </w:rPr>
      </w:pPr>
      <w:r w:rsidRPr="00030929">
        <w:rPr>
          <w:rFonts w:ascii="Times New Roman" w:hAnsi="Times New Roman"/>
          <w:b/>
          <w:sz w:val="24"/>
          <w:szCs w:val="24"/>
        </w:rPr>
        <w:t>Краткий словарь терминов</w:t>
      </w:r>
    </w:p>
    <w:p w:rsidR="008047BF" w:rsidRDefault="008047BF" w:rsidP="008047BF">
      <w:pPr>
        <w:pStyle w:val="Default"/>
        <w:rPr>
          <w:color w:val="auto"/>
        </w:rPr>
      </w:pPr>
    </w:p>
    <w:p w:rsidR="008047BF" w:rsidRDefault="008047BF" w:rsidP="00062D27">
      <w:pPr>
        <w:pStyle w:val="Default"/>
        <w:tabs>
          <w:tab w:val="left" w:pos="0"/>
        </w:tabs>
        <w:ind w:firstLine="709"/>
      </w:pPr>
      <w:r w:rsidRPr="00030929">
        <w:rPr>
          <w:i/>
        </w:rPr>
        <w:t>Аппликация –</w:t>
      </w:r>
      <w:r w:rsidRPr="00030929">
        <w:t xml:space="preserve"> художественное произведение, выполненное путём наклеивания, пришивания бумаги, ткани, соломы, пуха, перьев и других материалов к основанию из однородного или другого материала</w:t>
      </w:r>
      <w:r w:rsidR="00241D8C">
        <w:t>.</w:t>
      </w:r>
    </w:p>
    <w:p w:rsidR="00241D8C" w:rsidRDefault="000418E5" w:rsidP="00062D27">
      <w:pPr>
        <w:pStyle w:val="Default"/>
        <w:tabs>
          <w:tab w:val="left" w:pos="0"/>
        </w:tabs>
        <w:ind w:firstLine="709"/>
      </w:pPr>
      <w:proofErr w:type="spellStart"/>
      <w:r w:rsidRPr="000418E5">
        <w:rPr>
          <w:i/>
        </w:rPr>
        <w:t>Гофри́рование</w:t>
      </w:r>
      <w:proofErr w:type="spellEnd"/>
      <w:r w:rsidRPr="000418E5">
        <w:t xml:space="preserve"> (от фр. </w:t>
      </w:r>
      <w:proofErr w:type="spellStart"/>
      <w:r w:rsidRPr="000418E5">
        <w:t>gaufrer</w:t>
      </w:r>
      <w:proofErr w:type="spellEnd"/>
      <w:r w:rsidRPr="000418E5">
        <w:t xml:space="preserve"> — прессовать складки, оттискивать узор) — процесс создания складок — (гофров) в листовых материалах путём гибки листа, через фиксированное расстояние, с целью улучшения прочностных характеристик материала и способности материала сопротивляться образованию деформации.</w:t>
      </w:r>
    </w:p>
    <w:p w:rsidR="00062D27" w:rsidRPr="00030929" w:rsidRDefault="00062D27" w:rsidP="00062D27">
      <w:pPr>
        <w:spacing w:after="0" w:line="240" w:lineRule="auto"/>
        <w:ind w:firstLine="709"/>
        <w:jc w:val="both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i/>
          <w:sz w:val="24"/>
          <w:szCs w:val="24"/>
        </w:rPr>
        <w:t xml:space="preserve">Декоративно–прикладное искусство – </w:t>
      </w:r>
      <w:r w:rsidRPr="00030929">
        <w:rPr>
          <w:rFonts w:ascii="Times New Roman" w:hAnsi="Times New Roman"/>
          <w:sz w:val="24"/>
          <w:szCs w:val="24"/>
        </w:rPr>
        <w:t>художественное оформление парков, архитектурных сооружений, книг, одежды,</w:t>
      </w:r>
      <w:r w:rsidRPr="00030929">
        <w:rPr>
          <w:rFonts w:ascii="Times New Roman" w:hAnsi="Times New Roman"/>
          <w:i/>
          <w:sz w:val="24"/>
          <w:szCs w:val="24"/>
        </w:rPr>
        <w:t xml:space="preserve"> </w:t>
      </w:r>
      <w:r w:rsidRPr="00030929">
        <w:rPr>
          <w:rFonts w:ascii="Times New Roman" w:hAnsi="Times New Roman"/>
          <w:sz w:val="24"/>
          <w:szCs w:val="24"/>
        </w:rPr>
        <w:t>посуды</w:t>
      </w:r>
      <w:r w:rsidRPr="00030929">
        <w:rPr>
          <w:rFonts w:ascii="Times New Roman" w:hAnsi="Times New Roman"/>
          <w:i/>
          <w:sz w:val="24"/>
          <w:szCs w:val="24"/>
        </w:rPr>
        <w:t xml:space="preserve">, </w:t>
      </w:r>
      <w:r w:rsidRPr="00030929">
        <w:rPr>
          <w:rFonts w:ascii="Times New Roman" w:hAnsi="Times New Roman"/>
          <w:sz w:val="24"/>
          <w:szCs w:val="24"/>
        </w:rPr>
        <w:t>обоев и других вещей, окружающих человека.</w:t>
      </w:r>
    </w:p>
    <w:p w:rsidR="00062D27" w:rsidRPr="00030929" w:rsidRDefault="00062D27" w:rsidP="00062D27">
      <w:pPr>
        <w:spacing w:after="0" w:line="240" w:lineRule="auto"/>
        <w:ind w:firstLine="567"/>
        <w:jc w:val="both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i/>
          <w:sz w:val="24"/>
          <w:szCs w:val="24"/>
        </w:rPr>
        <w:t>Коллаж –</w:t>
      </w:r>
      <w:r w:rsidRPr="00030929">
        <w:rPr>
          <w:rFonts w:ascii="Times New Roman" w:hAnsi="Times New Roman"/>
          <w:sz w:val="24"/>
          <w:szCs w:val="24"/>
        </w:rPr>
        <w:t xml:space="preserve"> (от </w:t>
      </w:r>
      <w:proofErr w:type="spellStart"/>
      <w:r w:rsidRPr="00030929">
        <w:rPr>
          <w:rFonts w:ascii="Times New Roman" w:hAnsi="Times New Roman"/>
          <w:sz w:val="24"/>
          <w:szCs w:val="24"/>
        </w:rPr>
        <w:t>фран</w:t>
      </w:r>
      <w:proofErr w:type="spellEnd"/>
      <w:r w:rsidRPr="00030929">
        <w:rPr>
          <w:rFonts w:ascii="Times New Roman" w:hAnsi="Times New Roman"/>
          <w:sz w:val="24"/>
          <w:szCs w:val="24"/>
        </w:rPr>
        <w:t>. –</w:t>
      </w:r>
      <w:r w:rsidR="000418E5">
        <w:rPr>
          <w:rFonts w:ascii="Times New Roman" w:hAnsi="Times New Roman"/>
          <w:sz w:val="24"/>
          <w:szCs w:val="24"/>
        </w:rPr>
        <w:t xml:space="preserve"> </w:t>
      </w:r>
      <w:r w:rsidRPr="00030929">
        <w:rPr>
          <w:rFonts w:ascii="Times New Roman" w:hAnsi="Times New Roman"/>
          <w:sz w:val="24"/>
          <w:szCs w:val="24"/>
        </w:rPr>
        <w:t>приклеивание, наклейка) – техника и вид изобразительного искусства, заключающиеся в создании живописных или графических произведений путём наклеивания на какую – либо основу материалов, различных по цвету и фактуре (ткань, верёвка, кружево, кожа, бусы, дерево, фольга, металл и др.)</w:t>
      </w:r>
    </w:p>
    <w:p w:rsidR="00062D27" w:rsidRPr="00030929" w:rsidRDefault="00062D27" w:rsidP="00062D27">
      <w:pPr>
        <w:spacing w:after="0" w:line="240" w:lineRule="auto"/>
        <w:ind w:firstLine="540"/>
        <w:jc w:val="both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i/>
          <w:sz w:val="24"/>
          <w:szCs w:val="24"/>
        </w:rPr>
        <w:t>Композиция –</w:t>
      </w:r>
      <w:r w:rsidRPr="00030929">
        <w:rPr>
          <w:rFonts w:ascii="Times New Roman" w:hAnsi="Times New Roman"/>
          <w:sz w:val="24"/>
          <w:szCs w:val="24"/>
        </w:rPr>
        <w:t xml:space="preserve"> построение, составление, соединение художественного произведения, т.е. взаимное расположение, величина основных и дополнительных частей в единое целое на выбранном формате в соответствие с какой-либо идеей.</w:t>
      </w:r>
    </w:p>
    <w:p w:rsidR="00062D27" w:rsidRPr="00030929" w:rsidRDefault="00062D27" w:rsidP="00062D27">
      <w:pPr>
        <w:spacing w:after="0" w:line="240" w:lineRule="auto"/>
        <w:ind w:firstLine="540"/>
        <w:jc w:val="both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i/>
          <w:sz w:val="24"/>
          <w:szCs w:val="24"/>
        </w:rPr>
        <w:t>Лепка, пластика –</w:t>
      </w:r>
      <w:r w:rsidRPr="00030929">
        <w:rPr>
          <w:rFonts w:ascii="Times New Roman" w:hAnsi="Times New Roman"/>
          <w:sz w:val="24"/>
          <w:szCs w:val="24"/>
        </w:rPr>
        <w:t xml:space="preserve"> процесс создания скульптурного произведения, связанной с работой с мягким пластичным материалом – глиной, пластилином, воском.</w:t>
      </w:r>
    </w:p>
    <w:p w:rsidR="00062D27" w:rsidRPr="00030929" w:rsidRDefault="00062D27" w:rsidP="00062D27">
      <w:pPr>
        <w:spacing w:after="0" w:line="240" w:lineRule="auto"/>
        <w:ind w:firstLine="567"/>
        <w:jc w:val="both"/>
        <w:rPr>
          <w:rFonts w:ascii="Times New Roman" w:hAnsi="Times New Roman"/>
          <w:sz w:val="24"/>
          <w:szCs w:val="24"/>
        </w:rPr>
      </w:pPr>
      <w:r w:rsidRPr="00030929">
        <w:rPr>
          <w:rFonts w:ascii="Times New Roman" w:hAnsi="Times New Roman"/>
          <w:i/>
          <w:sz w:val="24"/>
          <w:szCs w:val="24"/>
        </w:rPr>
        <w:t>Симметрия –</w:t>
      </w:r>
      <w:r w:rsidRPr="00030929">
        <w:rPr>
          <w:rFonts w:ascii="Times New Roman" w:hAnsi="Times New Roman"/>
          <w:sz w:val="24"/>
          <w:szCs w:val="24"/>
        </w:rPr>
        <w:t xml:space="preserve"> зеркальное отражение целой фигуры или одной её части в другой относительно осевой линии.</w:t>
      </w:r>
    </w:p>
    <w:p w:rsidR="00062D27" w:rsidRPr="00241D8C" w:rsidRDefault="00062D27" w:rsidP="008047BF">
      <w:pPr>
        <w:pStyle w:val="Default"/>
        <w:tabs>
          <w:tab w:val="left" w:pos="0"/>
        </w:tabs>
        <w:rPr>
          <w:i/>
          <w:color w:val="auto"/>
        </w:rPr>
      </w:pPr>
    </w:p>
    <w:p w:rsidR="002A6903" w:rsidRDefault="002A6903" w:rsidP="002A6903">
      <w:pPr>
        <w:pStyle w:val="Default"/>
        <w:jc w:val="center"/>
        <w:rPr>
          <w:b/>
          <w:bCs/>
          <w:color w:val="auto"/>
        </w:rPr>
      </w:pPr>
    </w:p>
    <w:p w:rsidR="002A6903" w:rsidRDefault="002A6903" w:rsidP="002A6903">
      <w:pPr>
        <w:pStyle w:val="Default"/>
        <w:jc w:val="center"/>
        <w:rPr>
          <w:b/>
          <w:bCs/>
          <w:color w:val="auto"/>
        </w:rPr>
      </w:pPr>
    </w:p>
    <w:p w:rsidR="002A6903" w:rsidRDefault="002A6903" w:rsidP="002A6903">
      <w:pPr>
        <w:pStyle w:val="Default"/>
        <w:jc w:val="center"/>
        <w:rPr>
          <w:b/>
          <w:bCs/>
          <w:color w:val="auto"/>
        </w:rPr>
      </w:pPr>
    </w:p>
    <w:p w:rsidR="002A6903" w:rsidRDefault="002A6903" w:rsidP="002A6903">
      <w:pPr>
        <w:pStyle w:val="Default"/>
        <w:jc w:val="center"/>
        <w:rPr>
          <w:b/>
          <w:bCs/>
          <w:color w:val="auto"/>
        </w:rPr>
      </w:pPr>
    </w:p>
    <w:p w:rsidR="002A6903" w:rsidRDefault="002A6903" w:rsidP="002A6903">
      <w:pPr>
        <w:pStyle w:val="Default"/>
        <w:jc w:val="center"/>
        <w:rPr>
          <w:b/>
          <w:bCs/>
          <w:color w:val="auto"/>
        </w:rPr>
      </w:pPr>
    </w:p>
    <w:p w:rsidR="002A6903" w:rsidRPr="00030929" w:rsidRDefault="002A6903" w:rsidP="002A6903">
      <w:pPr>
        <w:pStyle w:val="Default"/>
        <w:jc w:val="center"/>
        <w:rPr>
          <w:b/>
          <w:bCs/>
          <w:color w:val="auto"/>
        </w:rPr>
      </w:pPr>
    </w:p>
    <w:p w:rsidR="003C06FB" w:rsidRDefault="003C06FB"/>
    <w:sectPr w:rsidR="003C06FB" w:rsidSect="003C06FB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1"/>
    <w:multiLevelType w:val="singleLevel"/>
    <w:tmpl w:val="00000001"/>
    <w:lvl w:ilvl="0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/>
      </w:rPr>
    </w:lvl>
  </w:abstractNum>
  <w:abstractNum w:abstractNumId="1">
    <w:nsid w:val="00000002"/>
    <w:multiLevelType w:val="singleLevel"/>
    <w:tmpl w:val="00000002"/>
    <w:name w:val="WW8Num2"/>
    <w:lvl w:ilvl="0">
      <w:start w:val="1"/>
      <w:numFmt w:val="decimal"/>
      <w:lvlText w:val="%1."/>
      <w:lvlJc w:val="left"/>
      <w:pPr>
        <w:tabs>
          <w:tab w:val="num" w:pos="870"/>
        </w:tabs>
        <w:ind w:left="870" w:hanging="360"/>
      </w:pPr>
    </w:lvl>
  </w:abstractNum>
  <w:abstractNum w:abstractNumId="2">
    <w:nsid w:val="003D6402"/>
    <w:multiLevelType w:val="hybridMultilevel"/>
    <w:tmpl w:val="0AE65564"/>
    <w:lvl w:ilvl="0" w:tplc="3B5A61CA">
      <w:start w:val="5"/>
      <w:numFmt w:val="decimal"/>
      <w:lvlText w:val="%1)"/>
      <w:lvlJc w:val="left"/>
      <w:pPr>
        <w:ind w:left="1637" w:hanging="360"/>
      </w:pPr>
      <w:rPr>
        <w:rFonts w:hint="default"/>
        <w:b/>
      </w:rPr>
    </w:lvl>
    <w:lvl w:ilvl="1" w:tplc="04190019" w:tentative="1">
      <w:start w:val="1"/>
      <w:numFmt w:val="lowerLetter"/>
      <w:lvlText w:val="%2."/>
      <w:lvlJc w:val="left"/>
      <w:pPr>
        <w:ind w:left="2160" w:hanging="360"/>
      </w:pPr>
    </w:lvl>
    <w:lvl w:ilvl="2" w:tplc="0419001B" w:tentative="1">
      <w:start w:val="1"/>
      <w:numFmt w:val="lowerRoman"/>
      <w:lvlText w:val="%3."/>
      <w:lvlJc w:val="right"/>
      <w:pPr>
        <w:ind w:left="2880" w:hanging="180"/>
      </w:pPr>
    </w:lvl>
    <w:lvl w:ilvl="3" w:tplc="0419000F" w:tentative="1">
      <w:start w:val="1"/>
      <w:numFmt w:val="decimal"/>
      <w:lvlText w:val="%4."/>
      <w:lvlJc w:val="left"/>
      <w:pPr>
        <w:ind w:left="3600" w:hanging="360"/>
      </w:pPr>
    </w:lvl>
    <w:lvl w:ilvl="4" w:tplc="04190019" w:tentative="1">
      <w:start w:val="1"/>
      <w:numFmt w:val="lowerLetter"/>
      <w:lvlText w:val="%5."/>
      <w:lvlJc w:val="left"/>
      <w:pPr>
        <w:ind w:left="4320" w:hanging="360"/>
      </w:pPr>
    </w:lvl>
    <w:lvl w:ilvl="5" w:tplc="0419001B" w:tentative="1">
      <w:start w:val="1"/>
      <w:numFmt w:val="lowerRoman"/>
      <w:lvlText w:val="%6."/>
      <w:lvlJc w:val="right"/>
      <w:pPr>
        <w:ind w:left="5040" w:hanging="180"/>
      </w:pPr>
    </w:lvl>
    <w:lvl w:ilvl="6" w:tplc="0419000F" w:tentative="1">
      <w:start w:val="1"/>
      <w:numFmt w:val="decimal"/>
      <w:lvlText w:val="%7."/>
      <w:lvlJc w:val="left"/>
      <w:pPr>
        <w:ind w:left="5760" w:hanging="360"/>
      </w:pPr>
    </w:lvl>
    <w:lvl w:ilvl="7" w:tplc="04190019" w:tentative="1">
      <w:start w:val="1"/>
      <w:numFmt w:val="lowerLetter"/>
      <w:lvlText w:val="%8."/>
      <w:lvlJc w:val="left"/>
      <w:pPr>
        <w:ind w:left="6480" w:hanging="360"/>
      </w:pPr>
    </w:lvl>
    <w:lvl w:ilvl="8" w:tplc="041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3">
    <w:nsid w:val="005C7591"/>
    <w:multiLevelType w:val="hybridMultilevel"/>
    <w:tmpl w:val="FE9E7CDC"/>
    <w:lvl w:ilvl="0" w:tplc="32CE7F6E">
      <w:start w:val="5"/>
      <w:numFmt w:val="decimal"/>
      <w:lvlText w:val="%1)"/>
      <w:lvlJc w:val="left"/>
      <w:pPr>
        <w:ind w:left="144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2160" w:hanging="360"/>
      </w:pPr>
    </w:lvl>
    <w:lvl w:ilvl="2" w:tplc="0419001B" w:tentative="1">
      <w:start w:val="1"/>
      <w:numFmt w:val="lowerRoman"/>
      <w:lvlText w:val="%3."/>
      <w:lvlJc w:val="right"/>
      <w:pPr>
        <w:ind w:left="2880" w:hanging="180"/>
      </w:pPr>
    </w:lvl>
    <w:lvl w:ilvl="3" w:tplc="0419000F" w:tentative="1">
      <w:start w:val="1"/>
      <w:numFmt w:val="decimal"/>
      <w:lvlText w:val="%4."/>
      <w:lvlJc w:val="left"/>
      <w:pPr>
        <w:ind w:left="3600" w:hanging="360"/>
      </w:pPr>
    </w:lvl>
    <w:lvl w:ilvl="4" w:tplc="04190019" w:tentative="1">
      <w:start w:val="1"/>
      <w:numFmt w:val="lowerLetter"/>
      <w:lvlText w:val="%5."/>
      <w:lvlJc w:val="left"/>
      <w:pPr>
        <w:ind w:left="4320" w:hanging="360"/>
      </w:pPr>
    </w:lvl>
    <w:lvl w:ilvl="5" w:tplc="0419001B" w:tentative="1">
      <w:start w:val="1"/>
      <w:numFmt w:val="lowerRoman"/>
      <w:lvlText w:val="%6."/>
      <w:lvlJc w:val="right"/>
      <w:pPr>
        <w:ind w:left="5040" w:hanging="180"/>
      </w:pPr>
    </w:lvl>
    <w:lvl w:ilvl="6" w:tplc="0419000F" w:tentative="1">
      <w:start w:val="1"/>
      <w:numFmt w:val="decimal"/>
      <w:lvlText w:val="%7."/>
      <w:lvlJc w:val="left"/>
      <w:pPr>
        <w:ind w:left="5760" w:hanging="360"/>
      </w:pPr>
    </w:lvl>
    <w:lvl w:ilvl="7" w:tplc="04190019" w:tentative="1">
      <w:start w:val="1"/>
      <w:numFmt w:val="lowerLetter"/>
      <w:lvlText w:val="%8."/>
      <w:lvlJc w:val="left"/>
      <w:pPr>
        <w:ind w:left="6480" w:hanging="360"/>
      </w:pPr>
    </w:lvl>
    <w:lvl w:ilvl="8" w:tplc="041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4">
    <w:nsid w:val="01275314"/>
    <w:multiLevelType w:val="hybridMultilevel"/>
    <w:tmpl w:val="AD646EFA"/>
    <w:lvl w:ilvl="0" w:tplc="C8B662E0">
      <w:start w:val="4"/>
      <w:numFmt w:val="decimal"/>
      <w:lvlText w:val="%1)"/>
      <w:lvlJc w:val="left"/>
      <w:pPr>
        <w:ind w:left="433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5050" w:hanging="360"/>
      </w:pPr>
    </w:lvl>
    <w:lvl w:ilvl="2" w:tplc="0419001B" w:tentative="1">
      <w:start w:val="1"/>
      <w:numFmt w:val="lowerRoman"/>
      <w:lvlText w:val="%3."/>
      <w:lvlJc w:val="right"/>
      <w:pPr>
        <w:ind w:left="5770" w:hanging="180"/>
      </w:pPr>
    </w:lvl>
    <w:lvl w:ilvl="3" w:tplc="0419000F" w:tentative="1">
      <w:start w:val="1"/>
      <w:numFmt w:val="decimal"/>
      <w:lvlText w:val="%4."/>
      <w:lvlJc w:val="left"/>
      <w:pPr>
        <w:ind w:left="6490" w:hanging="360"/>
      </w:pPr>
    </w:lvl>
    <w:lvl w:ilvl="4" w:tplc="04190019" w:tentative="1">
      <w:start w:val="1"/>
      <w:numFmt w:val="lowerLetter"/>
      <w:lvlText w:val="%5."/>
      <w:lvlJc w:val="left"/>
      <w:pPr>
        <w:ind w:left="7210" w:hanging="360"/>
      </w:pPr>
    </w:lvl>
    <w:lvl w:ilvl="5" w:tplc="0419001B" w:tentative="1">
      <w:start w:val="1"/>
      <w:numFmt w:val="lowerRoman"/>
      <w:lvlText w:val="%6."/>
      <w:lvlJc w:val="right"/>
      <w:pPr>
        <w:ind w:left="7930" w:hanging="180"/>
      </w:pPr>
    </w:lvl>
    <w:lvl w:ilvl="6" w:tplc="0419000F" w:tentative="1">
      <w:start w:val="1"/>
      <w:numFmt w:val="decimal"/>
      <w:lvlText w:val="%7."/>
      <w:lvlJc w:val="left"/>
      <w:pPr>
        <w:ind w:left="8650" w:hanging="360"/>
      </w:pPr>
    </w:lvl>
    <w:lvl w:ilvl="7" w:tplc="04190019" w:tentative="1">
      <w:start w:val="1"/>
      <w:numFmt w:val="lowerLetter"/>
      <w:lvlText w:val="%8."/>
      <w:lvlJc w:val="left"/>
      <w:pPr>
        <w:ind w:left="9370" w:hanging="360"/>
      </w:pPr>
    </w:lvl>
    <w:lvl w:ilvl="8" w:tplc="0419001B" w:tentative="1">
      <w:start w:val="1"/>
      <w:numFmt w:val="lowerRoman"/>
      <w:lvlText w:val="%9."/>
      <w:lvlJc w:val="right"/>
      <w:pPr>
        <w:ind w:left="10090" w:hanging="180"/>
      </w:pPr>
    </w:lvl>
  </w:abstractNum>
  <w:abstractNum w:abstractNumId="5">
    <w:nsid w:val="02786C9A"/>
    <w:multiLevelType w:val="multilevel"/>
    <w:tmpl w:val="4FA860BA"/>
    <w:lvl w:ilvl="0">
      <w:start w:val="2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>
    <w:nsid w:val="03D40B5E"/>
    <w:multiLevelType w:val="hybridMultilevel"/>
    <w:tmpl w:val="694C1814"/>
    <w:lvl w:ilvl="0" w:tplc="0419000B">
      <w:start w:val="1"/>
      <w:numFmt w:val="bullet"/>
      <w:lvlText w:val=""/>
      <w:lvlJc w:val="left"/>
      <w:rPr>
        <w:rFonts w:ascii="Wingdings" w:hAnsi="Wingdings" w:hint="default"/>
      </w:rPr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7">
    <w:nsid w:val="05A83F97"/>
    <w:multiLevelType w:val="multilevel"/>
    <w:tmpl w:val="987406DC"/>
    <w:lvl w:ilvl="0">
      <w:start w:val="4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8">
    <w:nsid w:val="05DC6FF0"/>
    <w:multiLevelType w:val="multilevel"/>
    <w:tmpl w:val="149E7204"/>
    <w:lvl w:ilvl="0">
      <w:start w:val="3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9">
    <w:nsid w:val="07F57257"/>
    <w:multiLevelType w:val="hybridMultilevel"/>
    <w:tmpl w:val="E4286BC0"/>
    <w:lvl w:ilvl="0" w:tplc="25B871AA">
      <w:start w:val="4"/>
      <w:numFmt w:val="decimal"/>
      <w:lvlText w:val="%1."/>
      <w:lvlJc w:val="left"/>
      <w:pPr>
        <w:ind w:left="1080" w:hanging="360"/>
      </w:pPr>
      <w:rPr>
        <w:rFonts w:hint="default"/>
        <w:b/>
        <w:u w:val="none"/>
      </w:r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0">
    <w:nsid w:val="0A20114F"/>
    <w:multiLevelType w:val="multilevel"/>
    <w:tmpl w:val="8286CA3C"/>
    <w:lvl w:ilvl="0">
      <w:start w:val="4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>
    <w:nsid w:val="0DFD4C24"/>
    <w:multiLevelType w:val="multilevel"/>
    <w:tmpl w:val="8EA610A0"/>
    <w:lvl w:ilvl="0">
      <w:start w:val="6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2">
    <w:nsid w:val="0FFC5CF3"/>
    <w:multiLevelType w:val="multilevel"/>
    <w:tmpl w:val="5420CE0E"/>
    <w:lvl w:ilvl="0">
      <w:start w:val="8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>
    <w:nsid w:val="12B54BEC"/>
    <w:multiLevelType w:val="hybridMultilevel"/>
    <w:tmpl w:val="C1763C0E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18AB7C14"/>
    <w:multiLevelType w:val="hybridMultilevel"/>
    <w:tmpl w:val="BF0A7402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>
    <w:nsid w:val="1BBD5C84"/>
    <w:multiLevelType w:val="multilevel"/>
    <w:tmpl w:val="FDC4FD40"/>
    <w:lvl w:ilvl="0">
      <w:start w:val="3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6">
    <w:nsid w:val="1C7E46B8"/>
    <w:multiLevelType w:val="hybridMultilevel"/>
    <w:tmpl w:val="99A24B14"/>
    <w:lvl w:ilvl="0" w:tplc="04190001">
      <w:start w:val="1"/>
      <w:numFmt w:val="bullet"/>
      <w:lvlText w:val=""/>
      <w:lvlJc w:val="left"/>
      <w:pPr>
        <w:ind w:left="13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0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7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4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2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9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6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3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080" w:hanging="360"/>
      </w:pPr>
      <w:rPr>
        <w:rFonts w:ascii="Wingdings" w:hAnsi="Wingdings" w:hint="default"/>
      </w:rPr>
    </w:lvl>
  </w:abstractNum>
  <w:abstractNum w:abstractNumId="17">
    <w:nsid w:val="1E387C0C"/>
    <w:multiLevelType w:val="hybridMultilevel"/>
    <w:tmpl w:val="47A64190"/>
    <w:lvl w:ilvl="0" w:tplc="15C0E96A">
      <w:start w:val="7"/>
      <w:numFmt w:val="decimal"/>
      <w:lvlText w:val="%1."/>
      <w:lvlJc w:val="left"/>
      <w:pPr>
        <w:ind w:left="2357" w:hanging="360"/>
      </w:pPr>
      <w:rPr>
        <w:rFonts w:hint="default"/>
        <w:b/>
        <w:i w:val="0"/>
      </w:rPr>
    </w:lvl>
    <w:lvl w:ilvl="1" w:tplc="04190019" w:tentative="1">
      <w:start w:val="1"/>
      <w:numFmt w:val="lowerLetter"/>
      <w:lvlText w:val="%2."/>
      <w:lvlJc w:val="left"/>
      <w:pPr>
        <w:ind w:left="3077" w:hanging="360"/>
      </w:pPr>
    </w:lvl>
    <w:lvl w:ilvl="2" w:tplc="0419001B" w:tentative="1">
      <w:start w:val="1"/>
      <w:numFmt w:val="lowerRoman"/>
      <w:lvlText w:val="%3."/>
      <w:lvlJc w:val="right"/>
      <w:pPr>
        <w:ind w:left="3797" w:hanging="180"/>
      </w:pPr>
    </w:lvl>
    <w:lvl w:ilvl="3" w:tplc="0419000F" w:tentative="1">
      <w:start w:val="1"/>
      <w:numFmt w:val="decimal"/>
      <w:lvlText w:val="%4."/>
      <w:lvlJc w:val="left"/>
      <w:pPr>
        <w:ind w:left="4517" w:hanging="360"/>
      </w:pPr>
    </w:lvl>
    <w:lvl w:ilvl="4" w:tplc="04190019" w:tentative="1">
      <w:start w:val="1"/>
      <w:numFmt w:val="lowerLetter"/>
      <w:lvlText w:val="%5."/>
      <w:lvlJc w:val="left"/>
      <w:pPr>
        <w:ind w:left="5237" w:hanging="360"/>
      </w:pPr>
    </w:lvl>
    <w:lvl w:ilvl="5" w:tplc="0419001B" w:tentative="1">
      <w:start w:val="1"/>
      <w:numFmt w:val="lowerRoman"/>
      <w:lvlText w:val="%6."/>
      <w:lvlJc w:val="right"/>
      <w:pPr>
        <w:ind w:left="5957" w:hanging="180"/>
      </w:pPr>
    </w:lvl>
    <w:lvl w:ilvl="6" w:tplc="0419000F" w:tentative="1">
      <w:start w:val="1"/>
      <w:numFmt w:val="decimal"/>
      <w:lvlText w:val="%7."/>
      <w:lvlJc w:val="left"/>
      <w:pPr>
        <w:ind w:left="6677" w:hanging="360"/>
      </w:pPr>
    </w:lvl>
    <w:lvl w:ilvl="7" w:tplc="04190019" w:tentative="1">
      <w:start w:val="1"/>
      <w:numFmt w:val="lowerLetter"/>
      <w:lvlText w:val="%8."/>
      <w:lvlJc w:val="left"/>
      <w:pPr>
        <w:ind w:left="7397" w:hanging="360"/>
      </w:pPr>
    </w:lvl>
    <w:lvl w:ilvl="8" w:tplc="0419001B" w:tentative="1">
      <w:start w:val="1"/>
      <w:numFmt w:val="lowerRoman"/>
      <w:lvlText w:val="%9."/>
      <w:lvlJc w:val="right"/>
      <w:pPr>
        <w:ind w:left="8117" w:hanging="180"/>
      </w:pPr>
    </w:lvl>
  </w:abstractNum>
  <w:abstractNum w:abstractNumId="18">
    <w:nsid w:val="22803532"/>
    <w:multiLevelType w:val="multilevel"/>
    <w:tmpl w:val="F49A38B8"/>
    <w:lvl w:ilvl="0">
      <w:start w:val="2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9">
    <w:nsid w:val="24EF2B2F"/>
    <w:multiLevelType w:val="hybridMultilevel"/>
    <w:tmpl w:val="E5964718"/>
    <w:lvl w:ilvl="0" w:tplc="23CCCD3E">
      <w:start w:val="1"/>
      <w:numFmt w:val="decimal"/>
      <w:lvlText w:val="2.%1."/>
      <w:lvlJc w:val="left"/>
      <w:pPr>
        <w:ind w:left="644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364" w:hanging="360"/>
      </w:pPr>
    </w:lvl>
    <w:lvl w:ilvl="2" w:tplc="0419001B" w:tentative="1">
      <w:start w:val="1"/>
      <w:numFmt w:val="lowerRoman"/>
      <w:lvlText w:val="%3."/>
      <w:lvlJc w:val="right"/>
      <w:pPr>
        <w:ind w:left="2084" w:hanging="180"/>
      </w:pPr>
    </w:lvl>
    <w:lvl w:ilvl="3" w:tplc="0419000F" w:tentative="1">
      <w:start w:val="1"/>
      <w:numFmt w:val="decimal"/>
      <w:lvlText w:val="%4."/>
      <w:lvlJc w:val="left"/>
      <w:pPr>
        <w:ind w:left="2804" w:hanging="360"/>
      </w:pPr>
    </w:lvl>
    <w:lvl w:ilvl="4" w:tplc="04190019" w:tentative="1">
      <w:start w:val="1"/>
      <w:numFmt w:val="lowerLetter"/>
      <w:lvlText w:val="%5."/>
      <w:lvlJc w:val="left"/>
      <w:pPr>
        <w:ind w:left="3524" w:hanging="360"/>
      </w:pPr>
    </w:lvl>
    <w:lvl w:ilvl="5" w:tplc="0419001B" w:tentative="1">
      <w:start w:val="1"/>
      <w:numFmt w:val="lowerRoman"/>
      <w:lvlText w:val="%6."/>
      <w:lvlJc w:val="right"/>
      <w:pPr>
        <w:ind w:left="4244" w:hanging="180"/>
      </w:pPr>
    </w:lvl>
    <w:lvl w:ilvl="6" w:tplc="0419000F" w:tentative="1">
      <w:start w:val="1"/>
      <w:numFmt w:val="decimal"/>
      <w:lvlText w:val="%7."/>
      <w:lvlJc w:val="left"/>
      <w:pPr>
        <w:ind w:left="4964" w:hanging="360"/>
      </w:pPr>
    </w:lvl>
    <w:lvl w:ilvl="7" w:tplc="04190019" w:tentative="1">
      <w:start w:val="1"/>
      <w:numFmt w:val="lowerLetter"/>
      <w:lvlText w:val="%8."/>
      <w:lvlJc w:val="left"/>
      <w:pPr>
        <w:ind w:left="5684" w:hanging="360"/>
      </w:pPr>
    </w:lvl>
    <w:lvl w:ilvl="8" w:tplc="041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20">
    <w:nsid w:val="2A374C0C"/>
    <w:multiLevelType w:val="multilevel"/>
    <w:tmpl w:val="35F6A23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1">
    <w:nsid w:val="2C01555D"/>
    <w:multiLevelType w:val="hybridMultilevel"/>
    <w:tmpl w:val="0A105BA2"/>
    <w:lvl w:ilvl="0" w:tplc="AFD65786">
      <w:start w:val="1"/>
      <w:numFmt w:val="decimal"/>
      <w:lvlText w:val="%1)"/>
      <w:lvlJc w:val="left"/>
      <w:pPr>
        <w:ind w:left="1080" w:hanging="360"/>
      </w:pPr>
      <w:rPr>
        <w:rFonts w:ascii="Times New Roman" w:hAnsi="Times New Roman" w:cs="Times New Roman" w:hint="default"/>
        <w:b/>
      </w:r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2">
    <w:nsid w:val="2E650271"/>
    <w:multiLevelType w:val="hybridMultilevel"/>
    <w:tmpl w:val="F99A0F4C"/>
    <w:lvl w:ilvl="0" w:tplc="7A00CB0A">
      <w:start w:val="1"/>
      <w:numFmt w:val="decimal"/>
      <w:lvlText w:val="%1."/>
      <w:lvlJc w:val="left"/>
      <w:pPr>
        <w:ind w:left="720" w:hanging="360"/>
      </w:pPr>
      <w:rPr>
        <w:rFonts w:ascii="Times New Roman" w:hAnsi="Times New Roman" w:cs="Times New Roman" w:hint="default"/>
        <w:b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34682842"/>
    <w:multiLevelType w:val="multilevel"/>
    <w:tmpl w:val="2676FB00"/>
    <w:lvl w:ilvl="0">
      <w:start w:val="4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4">
    <w:nsid w:val="37D055B6"/>
    <w:multiLevelType w:val="hybridMultilevel"/>
    <w:tmpl w:val="DF462DDC"/>
    <w:lvl w:ilvl="0" w:tplc="6DCED012">
      <w:start w:val="3"/>
      <w:numFmt w:val="decimal"/>
      <w:lvlText w:val="%1)"/>
      <w:lvlJc w:val="left"/>
      <w:pPr>
        <w:ind w:left="108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5">
    <w:nsid w:val="39437E2D"/>
    <w:multiLevelType w:val="hybridMultilevel"/>
    <w:tmpl w:val="0696053C"/>
    <w:lvl w:ilvl="0" w:tplc="82DEFE30">
      <w:start w:val="7"/>
      <w:numFmt w:val="decimal"/>
      <w:lvlText w:val="%1"/>
      <w:lvlJc w:val="left"/>
      <w:pPr>
        <w:ind w:left="1997" w:hanging="360"/>
      </w:pPr>
      <w:rPr>
        <w:rFonts w:hint="default"/>
        <w:b/>
        <w:i w:val="0"/>
      </w:rPr>
    </w:lvl>
    <w:lvl w:ilvl="1" w:tplc="04190019" w:tentative="1">
      <w:start w:val="1"/>
      <w:numFmt w:val="lowerLetter"/>
      <w:lvlText w:val="%2."/>
      <w:lvlJc w:val="left"/>
      <w:pPr>
        <w:ind w:left="2717" w:hanging="360"/>
      </w:pPr>
    </w:lvl>
    <w:lvl w:ilvl="2" w:tplc="0419001B" w:tentative="1">
      <w:start w:val="1"/>
      <w:numFmt w:val="lowerRoman"/>
      <w:lvlText w:val="%3."/>
      <w:lvlJc w:val="right"/>
      <w:pPr>
        <w:ind w:left="3437" w:hanging="180"/>
      </w:pPr>
    </w:lvl>
    <w:lvl w:ilvl="3" w:tplc="0419000F" w:tentative="1">
      <w:start w:val="1"/>
      <w:numFmt w:val="decimal"/>
      <w:lvlText w:val="%4."/>
      <w:lvlJc w:val="left"/>
      <w:pPr>
        <w:ind w:left="4157" w:hanging="360"/>
      </w:pPr>
    </w:lvl>
    <w:lvl w:ilvl="4" w:tplc="04190019" w:tentative="1">
      <w:start w:val="1"/>
      <w:numFmt w:val="lowerLetter"/>
      <w:lvlText w:val="%5."/>
      <w:lvlJc w:val="left"/>
      <w:pPr>
        <w:ind w:left="4877" w:hanging="360"/>
      </w:pPr>
    </w:lvl>
    <w:lvl w:ilvl="5" w:tplc="0419001B" w:tentative="1">
      <w:start w:val="1"/>
      <w:numFmt w:val="lowerRoman"/>
      <w:lvlText w:val="%6."/>
      <w:lvlJc w:val="right"/>
      <w:pPr>
        <w:ind w:left="5597" w:hanging="180"/>
      </w:pPr>
    </w:lvl>
    <w:lvl w:ilvl="6" w:tplc="0419000F" w:tentative="1">
      <w:start w:val="1"/>
      <w:numFmt w:val="decimal"/>
      <w:lvlText w:val="%7."/>
      <w:lvlJc w:val="left"/>
      <w:pPr>
        <w:ind w:left="6317" w:hanging="360"/>
      </w:pPr>
    </w:lvl>
    <w:lvl w:ilvl="7" w:tplc="04190019" w:tentative="1">
      <w:start w:val="1"/>
      <w:numFmt w:val="lowerLetter"/>
      <w:lvlText w:val="%8."/>
      <w:lvlJc w:val="left"/>
      <w:pPr>
        <w:ind w:left="7037" w:hanging="360"/>
      </w:pPr>
    </w:lvl>
    <w:lvl w:ilvl="8" w:tplc="0419001B" w:tentative="1">
      <w:start w:val="1"/>
      <w:numFmt w:val="lowerRoman"/>
      <w:lvlText w:val="%9."/>
      <w:lvlJc w:val="right"/>
      <w:pPr>
        <w:ind w:left="7757" w:hanging="180"/>
      </w:pPr>
    </w:lvl>
  </w:abstractNum>
  <w:abstractNum w:abstractNumId="26">
    <w:nsid w:val="3D262757"/>
    <w:multiLevelType w:val="hybridMultilevel"/>
    <w:tmpl w:val="C612599C"/>
    <w:lvl w:ilvl="0" w:tplc="0419000F">
      <w:start w:val="1"/>
      <w:numFmt w:val="decimal"/>
      <w:lvlText w:val="%1."/>
      <w:lvlJc w:val="left"/>
      <w:pPr>
        <w:ind w:left="3904" w:hanging="360"/>
      </w:pPr>
    </w:lvl>
    <w:lvl w:ilvl="1" w:tplc="04190019" w:tentative="1">
      <w:start w:val="1"/>
      <w:numFmt w:val="lowerLetter"/>
      <w:lvlText w:val="%2."/>
      <w:lvlJc w:val="left"/>
      <w:pPr>
        <w:ind w:left="4624" w:hanging="360"/>
      </w:pPr>
    </w:lvl>
    <w:lvl w:ilvl="2" w:tplc="0419001B" w:tentative="1">
      <w:start w:val="1"/>
      <w:numFmt w:val="lowerRoman"/>
      <w:lvlText w:val="%3."/>
      <w:lvlJc w:val="right"/>
      <w:pPr>
        <w:ind w:left="5344" w:hanging="180"/>
      </w:pPr>
    </w:lvl>
    <w:lvl w:ilvl="3" w:tplc="0419000F" w:tentative="1">
      <w:start w:val="1"/>
      <w:numFmt w:val="decimal"/>
      <w:lvlText w:val="%4."/>
      <w:lvlJc w:val="left"/>
      <w:pPr>
        <w:ind w:left="6064" w:hanging="360"/>
      </w:pPr>
    </w:lvl>
    <w:lvl w:ilvl="4" w:tplc="04190019" w:tentative="1">
      <w:start w:val="1"/>
      <w:numFmt w:val="lowerLetter"/>
      <w:lvlText w:val="%5."/>
      <w:lvlJc w:val="left"/>
      <w:pPr>
        <w:ind w:left="6784" w:hanging="360"/>
      </w:pPr>
    </w:lvl>
    <w:lvl w:ilvl="5" w:tplc="0419001B" w:tentative="1">
      <w:start w:val="1"/>
      <w:numFmt w:val="lowerRoman"/>
      <w:lvlText w:val="%6."/>
      <w:lvlJc w:val="right"/>
      <w:pPr>
        <w:ind w:left="7504" w:hanging="180"/>
      </w:pPr>
    </w:lvl>
    <w:lvl w:ilvl="6" w:tplc="0419000F" w:tentative="1">
      <w:start w:val="1"/>
      <w:numFmt w:val="decimal"/>
      <w:lvlText w:val="%7."/>
      <w:lvlJc w:val="left"/>
      <w:pPr>
        <w:ind w:left="8224" w:hanging="360"/>
      </w:pPr>
    </w:lvl>
    <w:lvl w:ilvl="7" w:tplc="04190019" w:tentative="1">
      <w:start w:val="1"/>
      <w:numFmt w:val="lowerLetter"/>
      <w:lvlText w:val="%8."/>
      <w:lvlJc w:val="left"/>
      <w:pPr>
        <w:ind w:left="8944" w:hanging="360"/>
      </w:pPr>
    </w:lvl>
    <w:lvl w:ilvl="8" w:tplc="0419001B" w:tentative="1">
      <w:start w:val="1"/>
      <w:numFmt w:val="lowerRoman"/>
      <w:lvlText w:val="%9."/>
      <w:lvlJc w:val="right"/>
      <w:pPr>
        <w:ind w:left="9664" w:hanging="180"/>
      </w:pPr>
    </w:lvl>
  </w:abstractNum>
  <w:abstractNum w:abstractNumId="27">
    <w:nsid w:val="3EE177BB"/>
    <w:multiLevelType w:val="multilevel"/>
    <w:tmpl w:val="4C0E020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8">
    <w:nsid w:val="442F0E26"/>
    <w:multiLevelType w:val="multilevel"/>
    <w:tmpl w:val="EC1699A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9">
    <w:nsid w:val="44B16D27"/>
    <w:multiLevelType w:val="multilevel"/>
    <w:tmpl w:val="7EAC01C4"/>
    <w:lvl w:ilvl="0">
      <w:start w:val="3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0">
    <w:nsid w:val="4A561B6A"/>
    <w:multiLevelType w:val="multilevel"/>
    <w:tmpl w:val="AD32D7D4"/>
    <w:lvl w:ilvl="0">
      <w:start w:val="2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1">
    <w:nsid w:val="53FE6D33"/>
    <w:multiLevelType w:val="multilevel"/>
    <w:tmpl w:val="288A98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2">
    <w:nsid w:val="54CF51AA"/>
    <w:multiLevelType w:val="multilevel"/>
    <w:tmpl w:val="6BE00DBA"/>
    <w:lvl w:ilvl="0">
      <w:start w:val="5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3">
    <w:nsid w:val="5D66693C"/>
    <w:multiLevelType w:val="hybridMultilevel"/>
    <w:tmpl w:val="C14AE0FE"/>
    <w:lvl w:ilvl="0" w:tplc="04190001">
      <w:start w:val="1"/>
      <w:numFmt w:val="bullet"/>
      <w:lvlText w:val=""/>
      <w:lvlJc w:val="left"/>
      <w:pPr>
        <w:ind w:left="11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8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2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0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7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880" w:hanging="360"/>
      </w:pPr>
      <w:rPr>
        <w:rFonts w:ascii="Wingdings" w:hAnsi="Wingdings" w:hint="default"/>
      </w:rPr>
    </w:lvl>
  </w:abstractNum>
  <w:abstractNum w:abstractNumId="34">
    <w:nsid w:val="669F3548"/>
    <w:multiLevelType w:val="hybridMultilevel"/>
    <w:tmpl w:val="417ED8A2"/>
    <w:lvl w:ilvl="0" w:tplc="0419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1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>
    <w:nsid w:val="6793334E"/>
    <w:multiLevelType w:val="hybridMultilevel"/>
    <w:tmpl w:val="DC2C291A"/>
    <w:lvl w:ilvl="0" w:tplc="04190011">
      <w:start w:val="8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6FE9135D"/>
    <w:multiLevelType w:val="hybridMultilevel"/>
    <w:tmpl w:val="F17A5494"/>
    <w:lvl w:ilvl="0" w:tplc="041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7">
    <w:nsid w:val="700D747C"/>
    <w:multiLevelType w:val="multilevel"/>
    <w:tmpl w:val="38800F30"/>
    <w:lvl w:ilvl="0">
      <w:start w:val="6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8">
    <w:nsid w:val="73F601DA"/>
    <w:multiLevelType w:val="multilevel"/>
    <w:tmpl w:val="5B846458"/>
    <w:lvl w:ilvl="0">
      <w:start w:val="5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9">
    <w:nsid w:val="753B1993"/>
    <w:multiLevelType w:val="hybridMultilevel"/>
    <w:tmpl w:val="7FA45A76"/>
    <w:lvl w:ilvl="0" w:tplc="0419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1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0">
    <w:nsid w:val="7681014D"/>
    <w:multiLevelType w:val="hybridMultilevel"/>
    <w:tmpl w:val="B9B04D88"/>
    <w:lvl w:ilvl="0" w:tplc="7AC2CA56">
      <w:start w:val="7"/>
      <w:numFmt w:val="decimal"/>
      <w:lvlText w:val="%1."/>
      <w:lvlJc w:val="left"/>
      <w:pPr>
        <w:ind w:left="1637" w:hanging="360"/>
      </w:pPr>
      <w:rPr>
        <w:rFonts w:hint="default"/>
        <w:b/>
        <w:i w:val="0"/>
      </w:rPr>
    </w:lvl>
    <w:lvl w:ilvl="1" w:tplc="04190019" w:tentative="1">
      <w:start w:val="1"/>
      <w:numFmt w:val="lowerLetter"/>
      <w:lvlText w:val="%2."/>
      <w:lvlJc w:val="left"/>
      <w:pPr>
        <w:ind w:left="2357" w:hanging="360"/>
      </w:pPr>
    </w:lvl>
    <w:lvl w:ilvl="2" w:tplc="0419001B" w:tentative="1">
      <w:start w:val="1"/>
      <w:numFmt w:val="lowerRoman"/>
      <w:lvlText w:val="%3."/>
      <w:lvlJc w:val="right"/>
      <w:pPr>
        <w:ind w:left="3077" w:hanging="180"/>
      </w:pPr>
    </w:lvl>
    <w:lvl w:ilvl="3" w:tplc="0419000F" w:tentative="1">
      <w:start w:val="1"/>
      <w:numFmt w:val="decimal"/>
      <w:lvlText w:val="%4."/>
      <w:lvlJc w:val="left"/>
      <w:pPr>
        <w:ind w:left="3797" w:hanging="360"/>
      </w:pPr>
    </w:lvl>
    <w:lvl w:ilvl="4" w:tplc="04190019" w:tentative="1">
      <w:start w:val="1"/>
      <w:numFmt w:val="lowerLetter"/>
      <w:lvlText w:val="%5."/>
      <w:lvlJc w:val="left"/>
      <w:pPr>
        <w:ind w:left="4517" w:hanging="360"/>
      </w:pPr>
    </w:lvl>
    <w:lvl w:ilvl="5" w:tplc="0419001B" w:tentative="1">
      <w:start w:val="1"/>
      <w:numFmt w:val="lowerRoman"/>
      <w:lvlText w:val="%6."/>
      <w:lvlJc w:val="right"/>
      <w:pPr>
        <w:ind w:left="5237" w:hanging="180"/>
      </w:pPr>
    </w:lvl>
    <w:lvl w:ilvl="6" w:tplc="0419000F" w:tentative="1">
      <w:start w:val="1"/>
      <w:numFmt w:val="decimal"/>
      <w:lvlText w:val="%7."/>
      <w:lvlJc w:val="left"/>
      <w:pPr>
        <w:ind w:left="5957" w:hanging="360"/>
      </w:pPr>
    </w:lvl>
    <w:lvl w:ilvl="7" w:tplc="04190019" w:tentative="1">
      <w:start w:val="1"/>
      <w:numFmt w:val="lowerLetter"/>
      <w:lvlText w:val="%8."/>
      <w:lvlJc w:val="left"/>
      <w:pPr>
        <w:ind w:left="6677" w:hanging="360"/>
      </w:pPr>
    </w:lvl>
    <w:lvl w:ilvl="8" w:tplc="0419001B" w:tentative="1">
      <w:start w:val="1"/>
      <w:numFmt w:val="lowerRoman"/>
      <w:lvlText w:val="%9."/>
      <w:lvlJc w:val="right"/>
      <w:pPr>
        <w:ind w:left="7397" w:hanging="180"/>
      </w:pPr>
    </w:lvl>
  </w:abstractNum>
  <w:abstractNum w:abstractNumId="41">
    <w:nsid w:val="79760563"/>
    <w:multiLevelType w:val="multilevel"/>
    <w:tmpl w:val="95521566"/>
    <w:lvl w:ilvl="0">
      <w:start w:val="6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2">
    <w:nsid w:val="79D12452"/>
    <w:multiLevelType w:val="multilevel"/>
    <w:tmpl w:val="4D5AE50E"/>
    <w:lvl w:ilvl="0">
      <w:start w:val="5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3">
    <w:nsid w:val="7C7319CF"/>
    <w:multiLevelType w:val="multilevel"/>
    <w:tmpl w:val="946A2C18"/>
    <w:lvl w:ilvl="0">
      <w:start w:val="7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31"/>
  </w:num>
  <w:num w:numId="2">
    <w:abstractNumId w:val="8"/>
  </w:num>
  <w:num w:numId="3">
    <w:abstractNumId w:val="23"/>
  </w:num>
  <w:num w:numId="4">
    <w:abstractNumId w:val="42"/>
  </w:num>
  <w:num w:numId="5">
    <w:abstractNumId w:val="41"/>
  </w:num>
  <w:num w:numId="6">
    <w:abstractNumId w:val="27"/>
  </w:num>
  <w:num w:numId="7">
    <w:abstractNumId w:val="5"/>
  </w:num>
  <w:num w:numId="8">
    <w:abstractNumId w:val="15"/>
  </w:num>
  <w:num w:numId="9">
    <w:abstractNumId w:val="7"/>
  </w:num>
  <w:num w:numId="10">
    <w:abstractNumId w:val="32"/>
  </w:num>
  <w:num w:numId="11">
    <w:abstractNumId w:val="11"/>
  </w:num>
  <w:num w:numId="12">
    <w:abstractNumId w:val="28"/>
  </w:num>
  <w:num w:numId="13">
    <w:abstractNumId w:val="18"/>
  </w:num>
  <w:num w:numId="14">
    <w:abstractNumId w:val="20"/>
  </w:num>
  <w:num w:numId="15">
    <w:abstractNumId w:val="30"/>
  </w:num>
  <w:num w:numId="16">
    <w:abstractNumId w:val="29"/>
  </w:num>
  <w:num w:numId="17">
    <w:abstractNumId w:val="10"/>
  </w:num>
  <w:num w:numId="18">
    <w:abstractNumId w:val="38"/>
  </w:num>
  <w:num w:numId="19">
    <w:abstractNumId w:val="37"/>
  </w:num>
  <w:num w:numId="20">
    <w:abstractNumId w:val="43"/>
  </w:num>
  <w:num w:numId="21">
    <w:abstractNumId w:val="12"/>
  </w:num>
  <w:num w:numId="22">
    <w:abstractNumId w:val="1"/>
    <w:lvlOverride w:ilvl="0">
      <w:startOverride w:val="1"/>
    </w:lvlOverride>
  </w:num>
  <w:num w:numId="23">
    <w:abstractNumId w:val="14"/>
  </w:num>
  <w:num w:numId="24">
    <w:abstractNumId w:val="13"/>
  </w:num>
  <w:num w:numId="25">
    <w:abstractNumId w:val="26"/>
  </w:num>
  <w:num w:numId="26">
    <w:abstractNumId w:val="22"/>
  </w:num>
  <w:num w:numId="27">
    <w:abstractNumId w:val="21"/>
  </w:num>
  <w:num w:numId="28">
    <w:abstractNumId w:val="24"/>
  </w:num>
  <w:num w:numId="29">
    <w:abstractNumId w:val="2"/>
  </w:num>
  <w:num w:numId="30">
    <w:abstractNumId w:val="3"/>
  </w:num>
  <w:num w:numId="31">
    <w:abstractNumId w:val="16"/>
  </w:num>
  <w:num w:numId="32">
    <w:abstractNumId w:val="19"/>
  </w:num>
  <w:num w:numId="33">
    <w:abstractNumId w:val="40"/>
  </w:num>
  <w:num w:numId="34">
    <w:abstractNumId w:val="34"/>
  </w:num>
  <w:num w:numId="35">
    <w:abstractNumId w:val="39"/>
  </w:num>
  <w:num w:numId="36">
    <w:abstractNumId w:val="35"/>
  </w:num>
  <w:num w:numId="37">
    <w:abstractNumId w:val="4"/>
  </w:num>
  <w:num w:numId="38">
    <w:abstractNumId w:val="25"/>
  </w:num>
  <w:num w:numId="39">
    <w:abstractNumId w:val="17"/>
  </w:num>
  <w:num w:numId="40">
    <w:abstractNumId w:val="9"/>
  </w:num>
  <w:num w:numId="41">
    <w:abstractNumId w:val="33"/>
  </w:num>
  <w:num w:numId="42">
    <w:abstractNumId w:val="0"/>
  </w:num>
  <w:num w:numId="43">
    <w:abstractNumId w:val="36"/>
  </w:num>
  <w:num w:numId="44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4336E5"/>
    <w:rsid w:val="00003026"/>
    <w:rsid w:val="000036B1"/>
    <w:rsid w:val="00003842"/>
    <w:rsid w:val="0000668E"/>
    <w:rsid w:val="00007184"/>
    <w:rsid w:val="00011CFD"/>
    <w:rsid w:val="00012B12"/>
    <w:rsid w:val="00012F4E"/>
    <w:rsid w:val="00014317"/>
    <w:rsid w:val="00016A6F"/>
    <w:rsid w:val="00020263"/>
    <w:rsid w:val="00020D11"/>
    <w:rsid w:val="00020F7B"/>
    <w:rsid w:val="00021AD4"/>
    <w:rsid w:val="00022736"/>
    <w:rsid w:val="00022BE7"/>
    <w:rsid w:val="00023911"/>
    <w:rsid w:val="00023C91"/>
    <w:rsid w:val="00026D21"/>
    <w:rsid w:val="00026D8D"/>
    <w:rsid w:val="00031DEE"/>
    <w:rsid w:val="00032554"/>
    <w:rsid w:val="00033EFD"/>
    <w:rsid w:val="000354FE"/>
    <w:rsid w:val="0003570C"/>
    <w:rsid w:val="00041898"/>
    <w:rsid w:val="000418E5"/>
    <w:rsid w:val="00041B06"/>
    <w:rsid w:val="0004262A"/>
    <w:rsid w:val="00045723"/>
    <w:rsid w:val="00046BD3"/>
    <w:rsid w:val="00047722"/>
    <w:rsid w:val="00047BF4"/>
    <w:rsid w:val="00047E52"/>
    <w:rsid w:val="0005273E"/>
    <w:rsid w:val="000539A2"/>
    <w:rsid w:val="0005569A"/>
    <w:rsid w:val="00056A55"/>
    <w:rsid w:val="00060CA4"/>
    <w:rsid w:val="00062D27"/>
    <w:rsid w:val="00064639"/>
    <w:rsid w:val="00064C2F"/>
    <w:rsid w:val="00065304"/>
    <w:rsid w:val="0006558A"/>
    <w:rsid w:val="00066B2F"/>
    <w:rsid w:val="00067182"/>
    <w:rsid w:val="000704A0"/>
    <w:rsid w:val="00071DC0"/>
    <w:rsid w:val="00071EAA"/>
    <w:rsid w:val="00071F62"/>
    <w:rsid w:val="0007203D"/>
    <w:rsid w:val="000730D7"/>
    <w:rsid w:val="0007725F"/>
    <w:rsid w:val="0007770A"/>
    <w:rsid w:val="0007775D"/>
    <w:rsid w:val="0008019A"/>
    <w:rsid w:val="000802D3"/>
    <w:rsid w:val="00085DFF"/>
    <w:rsid w:val="000862DC"/>
    <w:rsid w:val="0009141E"/>
    <w:rsid w:val="00091CE2"/>
    <w:rsid w:val="00092F40"/>
    <w:rsid w:val="00093308"/>
    <w:rsid w:val="000962F6"/>
    <w:rsid w:val="00096F78"/>
    <w:rsid w:val="000A6589"/>
    <w:rsid w:val="000A6D1C"/>
    <w:rsid w:val="000A753E"/>
    <w:rsid w:val="000B3941"/>
    <w:rsid w:val="000B5462"/>
    <w:rsid w:val="000B5A41"/>
    <w:rsid w:val="000B60E3"/>
    <w:rsid w:val="000B683C"/>
    <w:rsid w:val="000B6F6B"/>
    <w:rsid w:val="000C0C08"/>
    <w:rsid w:val="000C3D49"/>
    <w:rsid w:val="000C41D1"/>
    <w:rsid w:val="000C43D2"/>
    <w:rsid w:val="000C68E2"/>
    <w:rsid w:val="000C6FC3"/>
    <w:rsid w:val="000C773E"/>
    <w:rsid w:val="000D3D04"/>
    <w:rsid w:val="000D4203"/>
    <w:rsid w:val="000D54E3"/>
    <w:rsid w:val="000D5CE8"/>
    <w:rsid w:val="000D6FEA"/>
    <w:rsid w:val="000D721A"/>
    <w:rsid w:val="000D729A"/>
    <w:rsid w:val="000D7F17"/>
    <w:rsid w:val="000E1355"/>
    <w:rsid w:val="000E29FC"/>
    <w:rsid w:val="000E2D2E"/>
    <w:rsid w:val="000E5A09"/>
    <w:rsid w:val="000E68E0"/>
    <w:rsid w:val="000E6E0B"/>
    <w:rsid w:val="000E7EC1"/>
    <w:rsid w:val="000F0EB6"/>
    <w:rsid w:val="000F10EF"/>
    <w:rsid w:val="000F47CD"/>
    <w:rsid w:val="000F66B3"/>
    <w:rsid w:val="000F76ED"/>
    <w:rsid w:val="00100E18"/>
    <w:rsid w:val="00100E91"/>
    <w:rsid w:val="0010134A"/>
    <w:rsid w:val="001026D1"/>
    <w:rsid w:val="00103D04"/>
    <w:rsid w:val="00103E3F"/>
    <w:rsid w:val="00107D8A"/>
    <w:rsid w:val="001102FA"/>
    <w:rsid w:val="001107E6"/>
    <w:rsid w:val="001112F6"/>
    <w:rsid w:val="00112E1F"/>
    <w:rsid w:val="00113570"/>
    <w:rsid w:val="0011592C"/>
    <w:rsid w:val="0012357B"/>
    <w:rsid w:val="00123831"/>
    <w:rsid w:val="00123D3D"/>
    <w:rsid w:val="001242D8"/>
    <w:rsid w:val="00127BFE"/>
    <w:rsid w:val="00130054"/>
    <w:rsid w:val="00131DF0"/>
    <w:rsid w:val="001359F2"/>
    <w:rsid w:val="001367A6"/>
    <w:rsid w:val="00136976"/>
    <w:rsid w:val="001379F0"/>
    <w:rsid w:val="00137E96"/>
    <w:rsid w:val="00140399"/>
    <w:rsid w:val="00141848"/>
    <w:rsid w:val="00141DA4"/>
    <w:rsid w:val="00142315"/>
    <w:rsid w:val="0014232A"/>
    <w:rsid w:val="001436F8"/>
    <w:rsid w:val="0014410B"/>
    <w:rsid w:val="001444F7"/>
    <w:rsid w:val="00144FD6"/>
    <w:rsid w:val="00146556"/>
    <w:rsid w:val="00150526"/>
    <w:rsid w:val="00150D82"/>
    <w:rsid w:val="00150FBC"/>
    <w:rsid w:val="0015170B"/>
    <w:rsid w:val="00154FFC"/>
    <w:rsid w:val="00156494"/>
    <w:rsid w:val="00160456"/>
    <w:rsid w:val="00161B91"/>
    <w:rsid w:val="0016264E"/>
    <w:rsid w:val="001656E5"/>
    <w:rsid w:val="00166117"/>
    <w:rsid w:val="001673BB"/>
    <w:rsid w:val="001718AF"/>
    <w:rsid w:val="00176222"/>
    <w:rsid w:val="00182641"/>
    <w:rsid w:val="0018500A"/>
    <w:rsid w:val="00185081"/>
    <w:rsid w:val="00186DBD"/>
    <w:rsid w:val="00186F46"/>
    <w:rsid w:val="0018720B"/>
    <w:rsid w:val="001909DB"/>
    <w:rsid w:val="00190E26"/>
    <w:rsid w:val="00191940"/>
    <w:rsid w:val="00193C7F"/>
    <w:rsid w:val="00197715"/>
    <w:rsid w:val="001A0AA6"/>
    <w:rsid w:val="001A0F76"/>
    <w:rsid w:val="001A2C67"/>
    <w:rsid w:val="001A7773"/>
    <w:rsid w:val="001B1C99"/>
    <w:rsid w:val="001B4556"/>
    <w:rsid w:val="001B6E82"/>
    <w:rsid w:val="001C1005"/>
    <w:rsid w:val="001C13D8"/>
    <w:rsid w:val="001C653F"/>
    <w:rsid w:val="001C6765"/>
    <w:rsid w:val="001C7D20"/>
    <w:rsid w:val="001D0981"/>
    <w:rsid w:val="001D1F8D"/>
    <w:rsid w:val="001D4005"/>
    <w:rsid w:val="001D4B0E"/>
    <w:rsid w:val="001D4B16"/>
    <w:rsid w:val="001D547A"/>
    <w:rsid w:val="001D646A"/>
    <w:rsid w:val="001D743A"/>
    <w:rsid w:val="001E5EA4"/>
    <w:rsid w:val="001E6724"/>
    <w:rsid w:val="001E7B69"/>
    <w:rsid w:val="001F0C44"/>
    <w:rsid w:val="001F1B88"/>
    <w:rsid w:val="001F36EC"/>
    <w:rsid w:val="001F42B3"/>
    <w:rsid w:val="001F547F"/>
    <w:rsid w:val="001F5558"/>
    <w:rsid w:val="001F5E59"/>
    <w:rsid w:val="001F710D"/>
    <w:rsid w:val="001F7C62"/>
    <w:rsid w:val="00202382"/>
    <w:rsid w:val="0020281C"/>
    <w:rsid w:val="00202D70"/>
    <w:rsid w:val="0020422B"/>
    <w:rsid w:val="00213621"/>
    <w:rsid w:val="00213E99"/>
    <w:rsid w:val="00215F1C"/>
    <w:rsid w:val="00216A1A"/>
    <w:rsid w:val="0022015A"/>
    <w:rsid w:val="0022021D"/>
    <w:rsid w:val="00220E35"/>
    <w:rsid w:val="00222E84"/>
    <w:rsid w:val="002258AA"/>
    <w:rsid w:val="00226997"/>
    <w:rsid w:val="00226D91"/>
    <w:rsid w:val="00227383"/>
    <w:rsid w:val="002276EB"/>
    <w:rsid w:val="00227D76"/>
    <w:rsid w:val="002310A5"/>
    <w:rsid w:val="0023158B"/>
    <w:rsid w:val="0023187E"/>
    <w:rsid w:val="0023491A"/>
    <w:rsid w:val="00236737"/>
    <w:rsid w:val="00236F92"/>
    <w:rsid w:val="0024190A"/>
    <w:rsid w:val="00241D8C"/>
    <w:rsid w:val="0024271F"/>
    <w:rsid w:val="00242E98"/>
    <w:rsid w:val="00243F7A"/>
    <w:rsid w:val="00244AAA"/>
    <w:rsid w:val="00245075"/>
    <w:rsid w:val="0024692B"/>
    <w:rsid w:val="00247A35"/>
    <w:rsid w:val="00252A06"/>
    <w:rsid w:val="00255EFB"/>
    <w:rsid w:val="00257AE6"/>
    <w:rsid w:val="00261E42"/>
    <w:rsid w:val="00262200"/>
    <w:rsid w:val="00263573"/>
    <w:rsid w:val="0026546A"/>
    <w:rsid w:val="00266150"/>
    <w:rsid w:val="00266347"/>
    <w:rsid w:val="0026699C"/>
    <w:rsid w:val="00270772"/>
    <w:rsid w:val="00270A33"/>
    <w:rsid w:val="0027164F"/>
    <w:rsid w:val="00273FB3"/>
    <w:rsid w:val="002761CF"/>
    <w:rsid w:val="00276ECD"/>
    <w:rsid w:val="0028052C"/>
    <w:rsid w:val="002817B8"/>
    <w:rsid w:val="00283C38"/>
    <w:rsid w:val="00290ADF"/>
    <w:rsid w:val="00293A06"/>
    <w:rsid w:val="002950CD"/>
    <w:rsid w:val="002A00FE"/>
    <w:rsid w:val="002A095F"/>
    <w:rsid w:val="002A2AE2"/>
    <w:rsid w:val="002A3C63"/>
    <w:rsid w:val="002A4860"/>
    <w:rsid w:val="002A5371"/>
    <w:rsid w:val="002A6903"/>
    <w:rsid w:val="002A6D00"/>
    <w:rsid w:val="002A7751"/>
    <w:rsid w:val="002A78CE"/>
    <w:rsid w:val="002B1159"/>
    <w:rsid w:val="002B2A4E"/>
    <w:rsid w:val="002B32AF"/>
    <w:rsid w:val="002B45F5"/>
    <w:rsid w:val="002B549B"/>
    <w:rsid w:val="002B7392"/>
    <w:rsid w:val="002B77DE"/>
    <w:rsid w:val="002C0097"/>
    <w:rsid w:val="002C18F9"/>
    <w:rsid w:val="002C3F09"/>
    <w:rsid w:val="002C4B48"/>
    <w:rsid w:val="002C5141"/>
    <w:rsid w:val="002C529C"/>
    <w:rsid w:val="002C5AF6"/>
    <w:rsid w:val="002C6D83"/>
    <w:rsid w:val="002C7A5C"/>
    <w:rsid w:val="002C7B73"/>
    <w:rsid w:val="002D0A20"/>
    <w:rsid w:val="002D1CDC"/>
    <w:rsid w:val="002D1F55"/>
    <w:rsid w:val="002D540F"/>
    <w:rsid w:val="002D79B5"/>
    <w:rsid w:val="002E095A"/>
    <w:rsid w:val="002E3EF3"/>
    <w:rsid w:val="002E4024"/>
    <w:rsid w:val="002F012B"/>
    <w:rsid w:val="002F575B"/>
    <w:rsid w:val="00301F4C"/>
    <w:rsid w:val="0030208A"/>
    <w:rsid w:val="00302A67"/>
    <w:rsid w:val="00302ADF"/>
    <w:rsid w:val="00302F73"/>
    <w:rsid w:val="00304518"/>
    <w:rsid w:val="00304D1F"/>
    <w:rsid w:val="003078D9"/>
    <w:rsid w:val="00313430"/>
    <w:rsid w:val="003153CB"/>
    <w:rsid w:val="003155F4"/>
    <w:rsid w:val="0031591E"/>
    <w:rsid w:val="00315F0D"/>
    <w:rsid w:val="003164F1"/>
    <w:rsid w:val="00317F4F"/>
    <w:rsid w:val="00320F00"/>
    <w:rsid w:val="00324BCB"/>
    <w:rsid w:val="00327296"/>
    <w:rsid w:val="00327A1E"/>
    <w:rsid w:val="003312F7"/>
    <w:rsid w:val="00331DBC"/>
    <w:rsid w:val="00331DCC"/>
    <w:rsid w:val="0033211D"/>
    <w:rsid w:val="00332FBB"/>
    <w:rsid w:val="00333CE1"/>
    <w:rsid w:val="003341C0"/>
    <w:rsid w:val="003375DC"/>
    <w:rsid w:val="00342508"/>
    <w:rsid w:val="00344FC6"/>
    <w:rsid w:val="003453CD"/>
    <w:rsid w:val="003468D2"/>
    <w:rsid w:val="00347B12"/>
    <w:rsid w:val="0035051E"/>
    <w:rsid w:val="00353AD5"/>
    <w:rsid w:val="003541B3"/>
    <w:rsid w:val="00354A21"/>
    <w:rsid w:val="003561B2"/>
    <w:rsid w:val="00360437"/>
    <w:rsid w:val="00360500"/>
    <w:rsid w:val="0036085B"/>
    <w:rsid w:val="00362A1D"/>
    <w:rsid w:val="00362EDE"/>
    <w:rsid w:val="003633AF"/>
    <w:rsid w:val="0036360D"/>
    <w:rsid w:val="00365C87"/>
    <w:rsid w:val="0036797B"/>
    <w:rsid w:val="00370457"/>
    <w:rsid w:val="003712DA"/>
    <w:rsid w:val="00371738"/>
    <w:rsid w:val="003723AC"/>
    <w:rsid w:val="00372BD5"/>
    <w:rsid w:val="003733D1"/>
    <w:rsid w:val="00373D63"/>
    <w:rsid w:val="0037413C"/>
    <w:rsid w:val="0037427A"/>
    <w:rsid w:val="00374435"/>
    <w:rsid w:val="00375D5C"/>
    <w:rsid w:val="00382E8C"/>
    <w:rsid w:val="003835FA"/>
    <w:rsid w:val="003844AD"/>
    <w:rsid w:val="003851D2"/>
    <w:rsid w:val="00385EC6"/>
    <w:rsid w:val="003862B1"/>
    <w:rsid w:val="00387E0F"/>
    <w:rsid w:val="00391D5B"/>
    <w:rsid w:val="00391F13"/>
    <w:rsid w:val="003921BE"/>
    <w:rsid w:val="00392BF1"/>
    <w:rsid w:val="00393183"/>
    <w:rsid w:val="003943C0"/>
    <w:rsid w:val="0039481B"/>
    <w:rsid w:val="00397A3C"/>
    <w:rsid w:val="003A6F2C"/>
    <w:rsid w:val="003B1327"/>
    <w:rsid w:val="003B35C7"/>
    <w:rsid w:val="003B3FBF"/>
    <w:rsid w:val="003B4EA1"/>
    <w:rsid w:val="003B5582"/>
    <w:rsid w:val="003B61FE"/>
    <w:rsid w:val="003B6DA7"/>
    <w:rsid w:val="003C06FB"/>
    <w:rsid w:val="003C0DD8"/>
    <w:rsid w:val="003C2EF3"/>
    <w:rsid w:val="003C543A"/>
    <w:rsid w:val="003D0F7F"/>
    <w:rsid w:val="003D11E1"/>
    <w:rsid w:val="003D1216"/>
    <w:rsid w:val="003D2041"/>
    <w:rsid w:val="003D21BD"/>
    <w:rsid w:val="003D2FD3"/>
    <w:rsid w:val="003D43FC"/>
    <w:rsid w:val="003D6C3F"/>
    <w:rsid w:val="003D6DE8"/>
    <w:rsid w:val="003D740B"/>
    <w:rsid w:val="003E03A1"/>
    <w:rsid w:val="003E0F77"/>
    <w:rsid w:val="003E3BD4"/>
    <w:rsid w:val="003E5C84"/>
    <w:rsid w:val="003E61EB"/>
    <w:rsid w:val="003E6458"/>
    <w:rsid w:val="003E6BFF"/>
    <w:rsid w:val="003F47BB"/>
    <w:rsid w:val="003F5433"/>
    <w:rsid w:val="00400509"/>
    <w:rsid w:val="00400CCD"/>
    <w:rsid w:val="00400F54"/>
    <w:rsid w:val="00402091"/>
    <w:rsid w:val="00403032"/>
    <w:rsid w:val="0040452C"/>
    <w:rsid w:val="00404A7B"/>
    <w:rsid w:val="0040683E"/>
    <w:rsid w:val="00406947"/>
    <w:rsid w:val="004118E3"/>
    <w:rsid w:val="004171C1"/>
    <w:rsid w:val="004179D0"/>
    <w:rsid w:val="00417AB1"/>
    <w:rsid w:val="00417FDE"/>
    <w:rsid w:val="004200D0"/>
    <w:rsid w:val="004227DE"/>
    <w:rsid w:val="00425974"/>
    <w:rsid w:val="00427E76"/>
    <w:rsid w:val="004303BB"/>
    <w:rsid w:val="00431569"/>
    <w:rsid w:val="0043211D"/>
    <w:rsid w:val="004322B1"/>
    <w:rsid w:val="0043361E"/>
    <w:rsid w:val="004336E5"/>
    <w:rsid w:val="00434459"/>
    <w:rsid w:val="004365D2"/>
    <w:rsid w:val="0043784D"/>
    <w:rsid w:val="00440C0D"/>
    <w:rsid w:val="00441553"/>
    <w:rsid w:val="00441F48"/>
    <w:rsid w:val="00442B92"/>
    <w:rsid w:val="00442E9E"/>
    <w:rsid w:val="004463EB"/>
    <w:rsid w:val="00446885"/>
    <w:rsid w:val="00447342"/>
    <w:rsid w:val="00451D37"/>
    <w:rsid w:val="004561D1"/>
    <w:rsid w:val="0045653F"/>
    <w:rsid w:val="004565B4"/>
    <w:rsid w:val="0046061A"/>
    <w:rsid w:val="00462015"/>
    <w:rsid w:val="00463CC9"/>
    <w:rsid w:val="00465ACB"/>
    <w:rsid w:val="00471A3C"/>
    <w:rsid w:val="00473597"/>
    <w:rsid w:val="00474C40"/>
    <w:rsid w:val="00477410"/>
    <w:rsid w:val="00477979"/>
    <w:rsid w:val="00477D36"/>
    <w:rsid w:val="004804D2"/>
    <w:rsid w:val="00484A76"/>
    <w:rsid w:val="00485B15"/>
    <w:rsid w:val="0048790F"/>
    <w:rsid w:val="004913DD"/>
    <w:rsid w:val="0049182D"/>
    <w:rsid w:val="004930DD"/>
    <w:rsid w:val="004935B7"/>
    <w:rsid w:val="00493646"/>
    <w:rsid w:val="00493820"/>
    <w:rsid w:val="00495A9A"/>
    <w:rsid w:val="00497933"/>
    <w:rsid w:val="004A1EA0"/>
    <w:rsid w:val="004A2324"/>
    <w:rsid w:val="004A42AC"/>
    <w:rsid w:val="004A47C3"/>
    <w:rsid w:val="004A7E3E"/>
    <w:rsid w:val="004B0802"/>
    <w:rsid w:val="004B0831"/>
    <w:rsid w:val="004B0F1C"/>
    <w:rsid w:val="004B1C61"/>
    <w:rsid w:val="004B1F6C"/>
    <w:rsid w:val="004B256D"/>
    <w:rsid w:val="004B460B"/>
    <w:rsid w:val="004B69C7"/>
    <w:rsid w:val="004B6A25"/>
    <w:rsid w:val="004D086E"/>
    <w:rsid w:val="004D0B94"/>
    <w:rsid w:val="004D149A"/>
    <w:rsid w:val="004D152B"/>
    <w:rsid w:val="004D1EDD"/>
    <w:rsid w:val="004D2E37"/>
    <w:rsid w:val="004D31B1"/>
    <w:rsid w:val="004D443D"/>
    <w:rsid w:val="004D4871"/>
    <w:rsid w:val="004D5749"/>
    <w:rsid w:val="004E158F"/>
    <w:rsid w:val="004E2853"/>
    <w:rsid w:val="004E30F8"/>
    <w:rsid w:val="004E3AE4"/>
    <w:rsid w:val="004E4DC7"/>
    <w:rsid w:val="004E699A"/>
    <w:rsid w:val="004E71E6"/>
    <w:rsid w:val="004F32F6"/>
    <w:rsid w:val="004F4326"/>
    <w:rsid w:val="004F5B7F"/>
    <w:rsid w:val="004F6868"/>
    <w:rsid w:val="004F6EBF"/>
    <w:rsid w:val="00500881"/>
    <w:rsid w:val="005011DE"/>
    <w:rsid w:val="005036A8"/>
    <w:rsid w:val="00505708"/>
    <w:rsid w:val="00505E08"/>
    <w:rsid w:val="005077E5"/>
    <w:rsid w:val="0050794C"/>
    <w:rsid w:val="00511790"/>
    <w:rsid w:val="00511A36"/>
    <w:rsid w:val="00511A5F"/>
    <w:rsid w:val="00514282"/>
    <w:rsid w:val="00516F15"/>
    <w:rsid w:val="00517FF5"/>
    <w:rsid w:val="00520D32"/>
    <w:rsid w:val="00522809"/>
    <w:rsid w:val="00522F74"/>
    <w:rsid w:val="00525951"/>
    <w:rsid w:val="00530619"/>
    <w:rsid w:val="00530A9A"/>
    <w:rsid w:val="00532378"/>
    <w:rsid w:val="0053364A"/>
    <w:rsid w:val="00533DA1"/>
    <w:rsid w:val="00534524"/>
    <w:rsid w:val="00536E64"/>
    <w:rsid w:val="00540D10"/>
    <w:rsid w:val="00541327"/>
    <w:rsid w:val="005431BD"/>
    <w:rsid w:val="00546D0D"/>
    <w:rsid w:val="0055040A"/>
    <w:rsid w:val="00551DE4"/>
    <w:rsid w:val="00552B48"/>
    <w:rsid w:val="0055386E"/>
    <w:rsid w:val="00553B85"/>
    <w:rsid w:val="00554B60"/>
    <w:rsid w:val="00554D88"/>
    <w:rsid w:val="005568C4"/>
    <w:rsid w:val="0055695B"/>
    <w:rsid w:val="00557298"/>
    <w:rsid w:val="00557BD5"/>
    <w:rsid w:val="00561814"/>
    <w:rsid w:val="00562257"/>
    <w:rsid w:val="00562AE0"/>
    <w:rsid w:val="0056370C"/>
    <w:rsid w:val="00565337"/>
    <w:rsid w:val="00566C98"/>
    <w:rsid w:val="0057001C"/>
    <w:rsid w:val="00570E9F"/>
    <w:rsid w:val="0057236B"/>
    <w:rsid w:val="005731A5"/>
    <w:rsid w:val="00574C86"/>
    <w:rsid w:val="00574CFE"/>
    <w:rsid w:val="005760CB"/>
    <w:rsid w:val="00580D83"/>
    <w:rsid w:val="005839D8"/>
    <w:rsid w:val="0058462A"/>
    <w:rsid w:val="00584F53"/>
    <w:rsid w:val="00586E18"/>
    <w:rsid w:val="00590DA7"/>
    <w:rsid w:val="00592940"/>
    <w:rsid w:val="00593D75"/>
    <w:rsid w:val="00596BFD"/>
    <w:rsid w:val="0059712D"/>
    <w:rsid w:val="0059761C"/>
    <w:rsid w:val="005A0DC0"/>
    <w:rsid w:val="005A1429"/>
    <w:rsid w:val="005A24C9"/>
    <w:rsid w:val="005A2A29"/>
    <w:rsid w:val="005B019E"/>
    <w:rsid w:val="005B03D1"/>
    <w:rsid w:val="005B14BD"/>
    <w:rsid w:val="005B6378"/>
    <w:rsid w:val="005C3775"/>
    <w:rsid w:val="005C46EC"/>
    <w:rsid w:val="005C4E64"/>
    <w:rsid w:val="005C658D"/>
    <w:rsid w:val="005C7E41"/>
    <w:rsid w:val="005D1EF9"/>
    <w:rsid w:val="005D2152"/>
    <w:rsid w:val="005D3DC3"/>
    <w:rsid w:val="005D40C3"/>
    <w:rsid w:val="005D535D"/>
    <w:rsid w:val="005D73C8"/>
    <w:rsid w:val="005D7CB3"/>
    <w:rsid w:val="005E2DC0"/>
    <w:rsid w:val="005F0537"/>
    <w:rsid w:val="005F18B9"/>
    <w:rsid w:val="005F18DD"/>
    <w:rsid w:val="005F2CAC"/>
    <w:rsid w:val="005F3303"/>
    <w:rsid w:val="005F367B"/>
    <w:rsid w:val="005F3DB7"/>
    <w:rsid w:val="005F455E"/>
    <w:rsid w:val="005F682E"/>
    <w:rsid w:val="005F6967"/>
    <w:rsid w:val="005F7014"/>
    <w:rsid w:val="005F7525"/>
    <w:rsid w:val="005F7657"/>
    <w:rsid w:val="005F7EC9"/>
    <w:rsid w:val="0060089B"/>
    <w:rsid w:val="006040DD"/>
    <w:rsid w:val="006048CD"/>
    <w:rsid w:val="00606F18"/>
    <w:rsid w:val="006070B0"/>
    <w:rsid w:val="006070C0"/>
    <w:rsid w:val="00611284"/>
    <w:rsid w:val="006114A4"/>
    <w:rsid w:val="00611814"/>
    <w:rsid w:val="00611873"/>
    <w:rsid w:val="00612DCA"/>
    <w:rsid w:val="00613CB0"/>
    <w:rsid w:val="00614887"/>
    <w:rsid w:val="00614F57"/>
    <w:rsid w:val="00617856"/>
    <w:rsid w:val="00621F00"/>
    <w:rsid w:val="00622693"/>
    <w:rsid w:val="0062542B"/>
    <w:rsid w:val="00625C8F"/>
    <w:rsid w:val="006262E7"/>
    <w:rsid w:val="00626437"/>
    <w:rsid w:val="0062648F"/>
    <w:rsid w:val="00626FAB"/>
    <w:rsid w:val="0063123F"/>
    <w:rsid w:val="00633B24"/>
    <w:rsid w:val="00634842"/>
    <w:rsid w:val="00634CEE"/>
    <w:rsid w:val="0063500B"/>
    <w:rsid w:val="006350F3"/>
    <w:rsid w:val="0063767B"/>
    <w:rsid w:val="006378FB"/>
    <w:rsid w:val="00642E0A"/>
    <w:rsid w:val="00643606"/>
    <w:rsid w:val="006442B0"/>
    <w:rsid w:val="00647960"/>
    <w:rsid w:val="00647B18"/>
    <w:rsid w:val="00651D9D"/>
    <w:rsid w:val="00652E02"/>
    <w:rsid w:val="0065402A"/>
    <w:rsid w:val="0065433C"/>
    <w:rsid w:val="00655560"/>
    <w:rsid w:val="00657009"/>
    <w:rsid w:val="006625F7"/>
    <w:rsid w:val="00662D54"/>
    <w:rsid w:val="00664BED"/>
    <w:rsid w:val="00665457"/>
    <w:rsid w:val="00666434"/>
    <w:rsid w:val="00670307"/>
    <w:rsid w:val="00670FA1"/>
    <w:rsid w:val="006733CC"/>
    <w:rsid w:val="00674A33"/>
    <w:rsid w:val="0067556C"/>
    <w:rsid w:val="00676323"/>
    <w:rsid w:val="006814F2"/>
    <w:rsid w:val="00682812"/>
    <w:rsid w:val="00686494"/>
    <w:rsid w:val="0068796F"/>
    <w:rsid w:val="00690723"/>
    <w:rsid w:val="006908FD"/>
    <w:rsid w:val="00694BBA"/>
    <w:rsid w:val="00696E1A"/>
    <w:rsid w:val="00697A73"/>
    <w:rsid w:val="006A1D5F"/>
    <w:rsid w:val="006A4565"/>
    <w:rsid w:val="006A5E08"/>
    <w:rsid w:val="006A75BC"/>
    <w:rsid w:val="006B11C4"/>
    <w:rsid w:val="006B1D78"/>
    <w:rsid w:val="006B24E1"/>
    <w:rsid w:val="006B3919"/>
    <w:rsid w:val="006B3A00"/>
    <w:rsid w:val="006B3E88"/>
    <w:rsid w:val="006B4553"/>
    <w:rsid w:val="006B7E91"/>
    <w:rsid w:val="006C088A"/>
    <w:rsid w:val="006C22AC"/>
    <w:rsid w:val="006C4AB6"/>
    <w:rsid w:val="006C5891"/>
    <w:rsid w:val="006C6445"/>
    <w:rsid w:val="006D0D63"/>
    <w:rsid w:val="006D23DA"/>
    <w:rsid w:val="006D4A17"/>
    <w:rsid w:val="006D6850"/>
    <w:rsid w:val="006D6BC5"/>
    <w:rsid w:val="006D7918"/>
    <w:rsid w:val="006E0B0B"/>
    <w:rsid w:val="006E18AD"/>
    <w:rsid w:val="006E207C"/>
    <w:rsid w:val="006E3209"/>
    <w:rsid w:val="006E36A6"/>
    <w:rsid w:val="006E5B7B"/>
    <w:rsid w:val="006E77B2"/>
    <w:rsid w:val="006F047D"/>
    <w:rsid w:val="006F1D79"/>
    <w:rsid w:val="006F2CF8"/>
    <w:rsid w:val="006F463D"/>
    <w:rsid w:val="006F4DBE"/>
    <w:rsid w:val="006F5A78"/>
    <w:rsid w:val="006F5FA4"/>
    <w:rsid w:val="006F680A"/>
    <w:rsid w:val="007000AB"/>
    <w:rsid w:val="00702AB9"/>
    <w:rsid w:val="00702B39"/>
    <w:rsid w:val="00702BE3"/>
    <w:rsid w:val="00702EB5"/>
    <w:rsid w:val="007034F1"/>
    <w:rsid w:val="00704F08"/>
    <w:rsid w:val="00704F81"/>
    <w:rsid w:val="00707F7B"/>
    <w:rsid w:val="007115EF"/>
    <w:rsid w:val="0071710D"/>
    <w:rsid w:val="00717593"/>
    <w:rsid w:val="00720D89"/>
    <w:rsid w:val="0072657A"/>
    <w:rsid w:val="00734937"/>
    <w:rsid w:val="00735238"/>
    <w:rsid w:val="00735725"/>
    <w:rsid w:val="00740CF1"/>
    <w:rsid w:val="00743E11"/>
    <w:rsid w:val="00745125"/>
    <w:rsid w:val="0074554E"/>
    <w:rsid w:val="00745FFF"/>
    <w:rsid w:val="007477F4"/>
    <w:rsid w:val="0074790A"/>
    <w:rsid w:val="00750D23"/>
    <w:rsid w:val="00751339"/>
    <w:rsid w:val="00751AAE"/>
    <w:rsid w:val="00752A53"/>
    <w:rsid w:val="007531AB"/>
    <w:rsid w:val="007533BF"/>
    <w:rsid w:val="007537F9"/>
    <w:rsid w:val="00753A9E"/>
    <w:rsid w:val="00753DDC"/>
    <w:rsid w:val="0075464D"/>
    <w:rsid w:val="00756841"/>
    <w:rsid w:val="00760EB4"/>
    <w:rsid w:val="00761DAE"/>
    <w:rsid w:val="00761EBB"/>
    <w:rsid w:val="00763655"/>
    <w:rsid w:val="00763743"/>
    <w:rsid w:val="007657A2"/>
    <w:rsid w:val="007662B7"/>
    <w:rsid w:val="0076712C"/>
    <w:rsid w:val="007700A8"/>
    <w:rsid w:val="0077312A"/>
    <w:rsid w:val="007740B5"/>
    <w:rsid w:val="00776132"/>
    <w:rsid w:val="007776F1"/>
    <w:rsid w:val="0078040E"/>
    <w:rsid w:val="00780865"/>
    <w:rsid w:val="00781737"/>
    <w:rsid w:val="007847C7"/>
    <w:rsid w:val="00785A46"/>
    <w:rsid w:val="00786F0E"/>
    <w:rsid w:val="00787453"/>
    <w:rsid w:val="00792603"/>
    <w:rsid w:val="00793289"/>
    <w:rsid w:val="007938B1"/>
    <w:rsid w:val="0079439F"/>
    <w:rsid w:val="00796217"/>
    <w:rsid w:val="00796EE4"/>
    <w:rsid w:val="00797682"/>
    <w:rsid w:val="007A1071"/>
    <w:rsid w:val="007A3E62"/>
    <w:rsid w:val="007A5BEA"/>
    <w:rsid w:val="007A63D6"/>
    <w:rsid w:val="007A6AFD"/>
    <w:rsid w:val="007A6FF7"/>
    <w:rsid w:val="007B10C2"/>
    <w:rsid w:val="007B19C1"/>
    <w:rsid w:val="007B5119"/>
    <w:rsid w:val="007B562B"/>
    <w:rsid w:val="007B638C"/>
    <w:rsid w:val="007B7156"/>
    <w:rsid w:val="007B79D0"/>
    <w:rsid w:val="007C01F4"/>
    <w:rsid w:val="007C1B7B"/>
    <w:rsid w:val="007C2030"/>
    <w:rsid w:val="007C332D"/>
    <w:rsid w:val="007C3362"/>
    <w:rsid w:val="007C3CE5"/>
    <w:rsid w:val="007C5170"/>
    <w:rsid w:val="007C6FD8"/>
    <w:rsid w:val="007D0907"/>
    <w:rsid w:val="007D0B37"/>
    <w:rsid w:val="007D0BA2"/>
    <w:rsid w:val="007D2E52"/>
    <w:rsid w:val="007D3256"/>
    <w:rsid w:val="007D33CB"/>
    <w:rsid w:val="007D3ACC"/>
    <w:rsid w:val="007D4208"/>
    <w:rsid w:val="007D5C3A"/>
    <w:rsid w:val="007D70B8"/>
    <w:rsid w:val="007E1877"/>
    <w:rsid w:val="007E1B54"/>
    <w:rsid w:val="007E3593"/>
    <w:rsid w:val="007F0C98"/>
    <w:rsid w:val="007F1DBF"/>
    <w:rsid w:val="007F279B"/>
    <w:rsid w:val="007F33E4"/>
    <w:rsid w:val="007F3462"/>
    <w:rsid w:val="007F6A1A"/>
    <w:rsid w:val="007F74AC"/>
    <w:rsid w:val="007F7EA9"/>
    <w:rsid w:val="00800A55"/>
    <w:rsid w:val="00800AC2"/>
    <w:rsid w:val="008017E6"/>
    <w:rsid w:val="00801D21"/>
    <w:rsid w:val="0080306A"/>
    <w:rsid w:val="00804140"/>
    <w:rsid w:val="008042E5"/>
    <w:rsid w:val="008043EC"/>
    <w:rsid w:val="008047BF"/>
    <w:rsid w:val="00804B55"/>
    <w:rsid w:val="0080738C"/>
    <w:rsid w:val="00810F8A"/>
    <w:rsid w:val="0081278F"/>
    <w:rsid w:val="00812CE7"/>
    <w:rsid w:val="00816657"/>
    <w:rsid w:val="00816B1D"/>
    <w:rsid w:val="00816FED"/>
    <w:rsid w:val="00822901"/>
    <w:rsid w:val="00823204"/>
    <w:rsid w:val="00824374"/>
    <w:rsid w:val="00825405"/>
    <w:rsid w:val="00825687"/>
    <w:rsid w:val="008319D0"/>
    <w:rsid w:val="00832B58"/>
    <w:rsid w:val="00832F7F"/>
    <w:rsid w:val="00833053"/>
    <w:rsid w:val="00833A6B"/>
    <w:rsid w:val="00833AB6"/>
    <w:rsid w:val="008345D9"/>
    <w:rsid w:val="008353B9"/>
    <w:rsid w:val="0083579B"/>
    <w:rsid w:val="00835E46"/>
    <w:rsid w:val="00836FDB"/>
    <w:rsid w:val="00837A89"/>
    <w:rsid w:val="00841966"/>
    <w:rsid w:val="00842884"/>
    <w:rsid w:val="008477F2"/>
    <w:rsid w:val="00847BAD"/>
    <w:rsid w:val="00850090"/>
    <w:rsid w:val="00852528"/>
    <w:rsid w:val="008531B5"/>
    <w:rsid w:val="00853AC9"/>
    <w:rsid w:val="0085542A"/>
    <w:rsid w:val="0085694D"/>
    <w:rsid w:val="008579F9"/>
    <w:rsid w:val="00861C7D"/>
    <w:rsid w:val="008626FF"/>
    <w:rsid w:val="00863100"/>
    <w:rsid w:val="00865B43"/>
    <w:rsid w:val="00867334"/>
    <w:rsid w:val="00867866"/>
    <w:rsid w:val="008679E1"/>
    <w:rsid w:val="00870F27"/>
    <w:rsid w:val="00871A4C"/>
    <w:rsid w:val="008724F8"/>
    <w:rsid w:val="00875D61"/>
    <w:rsid w:val="00881818"/>
    <w:rsid w:val="00881F72"/>
    <w:rsid w:val="008830AD"/>
    <w:rsid w:val="008832DC"/>
    <w:rsid w:val="008846B9"/>
    <w:rsid w:val="008917F6"/>
    <w:rsid w:val="00891839"/>
    <w:rsid w:val="00892891"/>
    <w:rsid w:val="008942AE"/>
    <w:rsid w:val="008957CB"/>
    <w:rsid w:val="00896781"/>
    <w:rsid w:val="008A0C25"/>
    <w:rsid w:val="008A12E2"/>
    <w:rsid w:val="008A1804"/>
    <w:rsid w:val="008A20D2"/>
    <w:rsid w:val="008A3F88"/>
    <w:rsid w:val="008A4773"/>
    <w:rsid w:val="008A752C"/>
    <w:rsid w:val="008B1C06"/>
    <w:rsid w:val="008B1C1C"/>
    <w:rsid w:val="008B43A4"/>
    <w:rsid w:val="008B7947"/>
    <w:rsid w:val="008C0AB8"/>
    <w:rsid w:val="008C1465"/>
    <w:rsid w:val="008C1859"/>
    <w:rsid w:val="008C2FCE"/>
    <w:rsid w:val="008C6E09"/>
    <w:rsid w:val="008D0285"/>
    <w:rsid w:val="008D1F75"/>
    <w:rsid w:val="008D315B"/>
    <w:rsid w:val="008D469A"/>
    <w:rsid w:val="008D7DB0"/>
    <w:rsid w:val="008E15EE"/>
    <w:rsid w:val="008E23AB"/>
    <w:rsid w:val="008E3A60"/>
    <w:rsid w:val="008E4685"/>
    <w:rsid w:val="008E5578"/>
    <w:rsid w:val="008E7744"/>
    <w:rsid w:val="008F0741"/>
    <w:rsid w:val="008F3769"/>
    <w:rsid w:val="008F466B"/>
    <w:rsid w:val="008F7621"/>
    <w:rsid w:val="008F7734"/>
    <w:rsid w:val="00901416"/>
    <w:rsid w:val="00901D3E"/>
    <w:rsid w:val="00903C38"/>
    <w:rsid w:val="0090437F"/>
    <w:rsid w:val="00904644"/>
    <w:rsid w:val="00910C92"/>
    <w:rsid w:val="0091240E"/>
    <w:rsid w:val="009127D9"/>
    <w:rsid w:val="00912A54"/>
    <w:rsid w:val="00914E33"/>
    <w:rsid w:val="00916188"/>
    <w:rsid w:val="00916599"/>
    <w:rsid w:val="0091710C"/>
    <w:rsid w:val="00917C52"/>
    <w:rsid w:val="00917E13"/>
    <w:rsid w:val="00917FF8"/>
    <w:rsid w:val="0092032C"/>
    <w:rsid w:val="00920E90"/>
    <w:rsid w:val="00920F17"/>
    <w:rsid w:val="00921034"/>
    <w:rsid w:val="009228A5"/>
    <w:rsid w:val="00924309"/>
    <w:rsid w:val="00925612"/>
    <w:rsid w:val="00926054"/>
    <w:rsid w:val="00931502"/>
    <w:rsid w:val="00931598"/>
    <w:rsid w:val="00932C3D"/>
    <w:rsid w:val="00934BAF"/>
    <w:rsid w:val="00936028"/>
    <w:rsid w:val="0093752F"/>
    <w:rsid w:val="0094276B"/>
    <w:rsid w:val="00945135"/>
    <w:rsid w:val="00945B27"/>
    <w:rsid w:val="00945BE6"/>
    <w:rsid w:val="00946610"/>
    <w:rsid w:val="00947158"/>
    <w:rsid w:val="00947521"/>
    <w:rsid w:val="009505B8"/>
    <w:rsid w:val="0095403C"/>
    <w:rsid w:val="00955E75"/>
    <w:rsid w:val="00960E89"/>
    <w:rsid w:val="009619DF"/>
    <w:rsid w:val="00961B92"/>
    <w:rsid w:val="00962B57"/>
    <w:rsid w:val="009634EB"/>
    <w:rsid w:val="00964978"/>
    <w:rsid w:val="00965579"/>
    <w:rsid w:val="0097129E"/>
    <w:rsid w:val="00972463"/>
    <w:rsid w:val="00974E2C"/>
    <w:rsid w:val="00975427"/>
    <w:rsid w:val="00976511"/>
    <w:rsid w:val="0098064C"/>
    <w:rsid w:val="009812A5"/>
    <w:rsid w:val="00982BC1"/>
    <w:rsid w:val="00984EC1"/>
    <w:rsid w:val="00985CDD"/>
    <w:rsid w:val="00987C44"/>
    <w:rsid w:val="009926A1"/>
    <w:rsid w:val="00994130"/>
    <w:rsid w:val="00994B26"/>
    <w:rsid w:val="0099521C"/>
    <w:rsid w:val="0099553A"/>
    <w:rsid w:val="0099676F"/>
    <w:rsid w:val="00996C3D"/>
    <w:rsid w:val="009979F8"/>
    <w:rsid w:val="00997C7F"/>
    <w:rsid w:val="00997FB1"/>
    <w:rsid w:val="009A0710"/>
    <w:rsid w:val="009A3D5D"/>
    <w:rsid w:val="009A51AD"/>
    <w:rsid w:val="009A621C"/>
    <w:rsid w:val="009A6DBD"/>
    <w:rsid w:val="009A6DD5"/>
    <w:rsid w:val="009B02B0"/>
    <w:rsid w:val="009B08B3"/>
    <w:rsid w:val="009B0DB3"/>
    <w:rsid w:val="009B343F"/>
    <w:rsid w:val="009B3C32"/>
    <w:rsid w:val="009B4363"/>
    <w:rsid w:val="009B66AE"/>
    <w:rsid w:val="009B7A78"/>
    <w:rsid w:val="009C0B56"/>
    <w:rsid w:val="009C0B92"/>
    <w:rsid w:val="009C1046"/>
    <w:rsid w:val="009C12FD"/>
    <w:rsid w:val="009C153D"/>
    <w:rsid w:val="009C2340"/>
    <w:rsid w:val="009C3023"/>
    <w:rsid w:val="009C5BFA"/>
    <w:rsid w:val="009D16D9"/>
    <w:rsid w:val="009D2367"/>
    <w:rsid w:val="009D300F"/>
    <w:rsid w:val="009D30B1"/>
    <w:rsid w:val="009D4EFB"/>
    <w:rsid w:val="009E22AA"/>
    <w:rsid w:val="009E31DA"/>
    <w:rsid w:val="009E4AA9"/>
    <w:rsid w:val="009E7044"/>
    <w:rsid w:val="009F0104"/>
    <w:rsid w:val="009F093D"/>
    <w:rsid w:val="009F1F33"/>
    <w:rsid w:val="009F2800"/>
    <w:rsid w:val="009F32D0"/>
    <w:rsid w:val="009F5A11"/>
    <w:rsid w:val="009F5CB8"/>
    <w:rsid w:val="00A018C7"/>
    <w:rsid w:val="00A02613"/>
    <w:rsid w:val="00A0310F"/>
    <w:rsid w:val="00A0324E"/>
    <w:rsid w:val="00A05075"/>
    <w:rsid w:val="00A100D1"/>
    <w:rsid w:val="00A11893"/>
    <w:rsid w:val="00A12B54"/>
    <w:rsid w:val="00A132B2"/>
    <w:rsid w:val="00A13C13"/>
    <w:rsid w:val="00A143FD"/>
    <w:rsid w:val="00A156EA"/>
    <w:rsid w:val="00A1652A"/>
    <w:rsid w:val="00A16816"/>
    <w:rsid w:val="00A16931"/>
    <w:rsid w:val="00A171F5"/>
    <w:rsid w:val="00A211EE"/>
    <w:rsid w:val="00A2327B"/>
    <w:rsid w:val="00A24438"/>
    <w:rsid w:val="00A24C63"/>
    <w:rsid w:val="00A32743"/>
    <w:rsid w:val="00A3446C"/>
    <w:rsid w:val="00A3449B"/>
    <w:rsid w:val="00A3576D"/>
    <w:rsid w:val="00A374EF"/>
    <w:rsid w:val="00A37CFD"/>
    <w:rsid w:val="00A37D85"/>
    <w:rsid w:val="00A401DE"/>
    <w:rsid w:val="00A40CFD"/>
    <w:rsid w:val="00A421C2"/>
    <w:rsid w:val="00A42AFD"/>
    <w:rsid w:val="00A42CF4"/>
    <w:rsid w:val="00A454C9"/>
    <w:rsid w:val="00A47D84"/>
    <w:rsid w:val="00A501B7"/>
    <w:rsid w:val="00A51D68"/>
    <w:rsid w:val="00A52689"/>
    <w:rsid w:val="00A53C7A"/>
    <w:rsid w:val="00A57C6A"/>
    <w:rsid w:val="00A61470"/>
    <w:rsid w:val="00A6190E"/>
    <w:rsid w:val="00A633D6"/>
    <w:rsid w:val="00A64942"/>
    <w:rsid w:val="00A66909"/>
    <w:rsid w:val="00A678A8"/>
    <w:rsid w:val="00A70712"/>
    <w:rsid w:val="00A70B75"/>
    <w:rsid w:val="00A71696"/>
    <w:rsid w:val="00A71F66"/>
    <w:rsid w:val="00A726EE"/>
    <w:rsid w:val="00A73440"/>
    <w:rsid w:val="00A7788C"/>
    <w:rsid w:val="00A81734"/>
    <w:rsid w:val="00A81BD7"/>
    <w:rsid w:val="00A81D17"/>
    <w:rsid w:val="00A83614"/>
    <w:rsid w:val="00A8477E"/>
    <w:rsid w:val="00A855A0"/>
    <w:rsid w:val="00A861E6"/>
    <w:rsid w:val="00A86A13"/>
    <w:rsid w:val="00A94F83"/>
    <w:rsid w:val="00A97240"/>
    <w:rsid w:val="00AA215C"/>
    <w:rsid w:val="00AA2B73"/>
    <w:rsid w:val="00AA37A9"/>
    <w:rsid w:val="00AA49C3"/>
    <w:rsid w:val="00AA4FB2"/>
    <w:rsid w:val="00AA5118"/>
    <w:rsid w:val="00AB07AE"/>
    <w:rsid w:val="00AB2AE5"/>
    <w:rsid w:val="00AB2E43"/>
    <w:rsid w:val="00AB2E63"/>
    <w:rsid w:val="00AB34CE"/>
    <w:rsid w:val="00AB4096"/>
    <w:rsid w:val="00AB55D6"/>
    <w:rsid w:val="00AB64C8"/>
    <w:rsid w:val="00AC2063"/>
    <w:rsid w:val="00AC20B1"/>
    <w:rsid w:val="00AC49A4"/>
    <w:rsid w:val="00AC5644"/>
    <w:rsid w:val="00AC63C1"/>
    <w:rsid w:val="00AD06C0"/>
    <w:rsid w:val="00AD19BB"/>
    <w:rsid w:val="00AD22EC"/>
    <w:rsid w:val="00AD3232"/>
    <w:rsid w:val="00AD3B5D"/>
    <w:rsid w:val="00AD57CD"/>
    <w:rsid w:val="00AD5AEF"/>
    <w:rsid w:val="00AD78B1"/>
    <w:rsid w:val="00AD7935"/>
    <w:rsid w:val="00AE042A"/>
    <w:rsid w:val="00AE2D95"/>
    <w:rsid w:val="00AE4959"/>
    <w:rsid w:val="00AE5488"/>
    <w:rsid w:val="00AE7138"/>
    <w:rsid w:val="00AE7953"/>
    <w:rsid w:val="00AF1970"/>
    <w:rsid w:val="00AF4954"/>
    <w:rsid w:val="00AF4C2F"/>
    <w:rsid w:val="00AF619E"/>
    <w:rsid w:val="00B0092D"/>
    <w:rsid w:val="00B01A1E"/>
    <w:rsid w:val="00B03926"/>
    <w:rsid w:val="00B03D6F"/>
    <w:rsid w:val="00B041C6"/>
    <w:rsid w:val="00B042F4"/>
    <w:rsid w:val="00B11AC5"/>
    <w:rsid w:val="00B123E9"/>
    <w:rsid w:val="00B12E65"/>
    <w:rsid w:val="00B12FEE"/>
    <w:rsid w:val="00B154A0"/>
    <w:rsid w:val="00B21A98"/>
    <w:rsid w:val="00B23ED9"/>
    <w:rsid w:val="00B27672"/>
    <w:rsid w:val="00B278B4"/>
    <w:rsid w:val="00B312A6"/>
    <w:rsid w:val="00B32461"/>
    <w:rsid w:val="00B348A5"/>
    <w:rsid w:val="00B349AA"/>
    <w:rsid w:val="00B3500C"/>
    <w:rsid w:val="00B35AD6"/>
    <w:rsid w:val="00B35D00"/>
    <w:rsid w:val="00B35E3D"/>
    <w:rsid w:val="00B37E4C"/>
    <w:rsid w:val="00B403E9"/>
    <w:rsid w:val="00B4230A"/>
    <w:rsid w:val="00B42BB7"/>
    <w:rsid w:val="00B44CD3"/>
    <w:rsid w:val="00B526CF"/>
    <w:rsid w:val="00B53097"/>
    <w:rsid w:val="00B531A5"/>
    <w:rsid w:val="00B539A3"/>
    <w:rsid w:val="00B543EF"/>
    <w:rsid w:val="00B54A64"/>
    <w:rsid w:val="00B55551"/>
    <w:rsid w:val="00B56539"/>
    <w:rsid w:val="00B619C2"/>
    <w:rsid w:val="00B6201C"/>
    <w:rsid w:val="00B6296E"/>
    <w:rsid w:val="00B66855"/>
    <w:rsid w:val="00B66B49"/>
    <w:rsid w:val="00B700CF"/>
    <w:rsid w:val="00B7092F"/>
    <w:rsid w:val="00B72283"/>
    <w:rsid w:val="00B725F0"/>
    <w:rsid w:val="00B72989"/>
    <w:rsid w:val="00B74034"/>
    <w:rsid w:val="00B747B7"/>
    <w:rsid w:val="00B77EE0"/>
    <w:rsid w:val="00B80577"/>
    <w:rsid w:val="00B80FA6"/>
    <w:rsid w:val="00B82B58"/>
    <w:rsid w:val="00B83347"/>
    <w:rsid w:val="00B855FB"/>
    <w:rsid w:val="00B85865"/>
    <w:rsid w:val="00B865EC"/>
    <w:rsid w:val="00B87240"/>
    <w:rsid w:val="00B877AA"/>
    <w:rsid w:val="00B90FDE"/>
    <w:rsid w:val="00B94EF6"/>
    <w:rsid w:val="00B975B6"/>
    <w:rsid w:val="00BA1123"/>
    <w:rsid w:val="00BA4F53"/>
    <w:rsid w:val="00BA5524"/>
    <w:rsid w:val="00BB3581"/>
    <w:rsid w:val="00BB36A2"/>
    <w:rsid w:val="00BB667B"/>
    <w:rsid w:val="00BB7176"/>
    <w:rsid w:val="00BC2CCD"/>
    <w:rsid w:val="00BC3594"/>
    <w:rsid w:val="00BC3DA8"/>
    <w:rsid w:val="00BC6ABA"/>
    <w:rsid w:val="00BC6EBD"/>
    <w:rsid w:val="00BC745A"/>
    <w:rsid w:val="00BD0E60"/>
    <w:rsid w:val="00BD0E6D"/>
    <w:rsid w:val="00BD10D5"/>
    <w:rsid w:val="00BD521C"/>
    <w:rsid w:val="00BD6992"/>
    <w:rsid w:val="00BE0141"/>
    <w:rsid w:val="00BE5079"/>
    <w:rsid w:val="00BE579F"/>
    <w:rsid w:val="00BE658D"/>
    <w:rsid w:val="00BE7E0D"/>
    <w:rsid w:val="00BF03C4"/>
    <w:rsid w:val="00BF0502"/>
    <w:rsid w:val="00BF2C4F"/>
    <w:rsid w:val="00BF37FC"/>
    <w:rsid w:val="00BF5810"/>
    <w:rsid w:val="00BF5B31"/>
    <w:rsid w:val="00BF615F"/>
    <w:rsid w:val="00BF7B71"/>
    <w:rsid w:val="00C0159D"/>
    <w:rsid w:val="00C018A1"/>
    <w:rsid w:val="00C020F5"/>
    <w:rsid w:val="00C03805"/>
    <w:rsid w:val="00C04121"/>
    <w:rsid w:val="00C057D3"/>
    <w:rsid w:val="00C0585D"/>
    <w:rsid w:val="00C05A66"/>
    <w:rsid w:val="00C0756D"/>
    <w:rsid w:val="00C10B74"/>
    <w:rsid w:val="00C11B73"/>
    <w:rsid w:val="00C14624"/>
    <w:rsid w:val="00C1554C"/>
    <w:rsid w:val="00C16713"/>
    <w:rsid w:val="00C203E6"/>
    <w:rsid w:val="00C20BDB"/>
    <w:rsid w:val="00C23903"/>
    <w:rsid w:val="00C25432"/>
    <w:rsid w:val="00C26EB0"/>
    <w:rsid w:val="00C27D6A"/>
    <w:rsid w:val="00C27FBA"/>
    <w:rsid w:val="00C324E7"/>
    <w:rsid w:val="00C3395E"/>
    <w:rsid w:val="00C339DC"/>
    <w:rsid w:val="00C33A4C"/>
    <w:rsid w:val="00C33C52"/>
    <w:rsid w:val="00C33D04"/>
    <w:rsid w:val="00C352E4"/>
    <w:rsid w:val="00C37E89"/>
    <w:rsid w:val="00C40613"/>
    <w:rsid w:val="00C423AE"/>
    <w:rsid w:val="00C424B0"/>
    <w:rsid w:val="00C4795B"/>
    <w:rsid w:val="00C51544"/>
    <w:rsid w:val="00C51B83"/>
    <w:rsid w:val="00C52930"/>
    <w:rsid w:val="00C537CC"/>
    <w:rsid w:val="00C56416"/>
    <w:rsid w:val="00C56524"/>
    <w:rsid w:val="00C6275B"/>
    <w:rsid w:val="00C6276C"/>
    <w:rsid w:val="00C62FED"/>
    <w:rsid w:val="00C630FC"/>
    <w:rsid w:val="00C63E4F"/>
    <w:rsid w:val="00C64A20"/>
    <w:rsid w:val="00C64D57"/>
    <w:rsid w:val="00C730D5"/>
    <w:rsid w:val="00C75F1C"/>
    <w:rsid w:val="00C81DDA"/>
    <w:rsid w:val="00C81EC5"/>
    <w:rsid w:val="00C825E4"/>
    <w:rsid w:val="00C844B3"/>
    <w:rsid w:val="00C87125"/>
    <w:rsid w:val="00C9381B"/>
    <w:rsid w:val="00C93881"/>
    <w:rsid w:val="00C93D82"/>
    <w:rsid w:val="00C95463"/>
    <w:rsid w:val="00C97866"/>
    <w:rsid w:val="00CA0A1C"/>
    <w:rsid w:val="00CA14C5"/>
    <w:rsid w:val="00CA2951"/>
    <w:rsid w:val="00CA55B7"/>
    <w:rsid w:val="00CA6033"/>
    <w:rsid w:val="00CB24B1"/>
    <w:rsid w:val="00CB3438"/>
    <w:rsid w:val="00CB3BD7"/>
    <w:rsid w:val="00CB40D0"/>
    <w:rsid w:val="00CB4392"/>
    <w:rsid w:val="00CB5B67"/>
    <w:rsid w:val="00CB687A"/>
    <w:rsid w:val="00CB72E5"/>
    <w:rsid w:val="00CC0407"/>
    <w:rsid w:val="00CC049D"/>
    <w:rsid w:val="00CC18BE"/>
    <w:rsid w:val="00CC74F2"/>
    <w:rsid w:val="00CC7C51"/>
    <w:rsid w:val="00CD060B"/>
    <w:rsid w:val="00CD279C"/>
    <w:rsid w:val="00CD36AF"/>
    <w:rsid w:val="00CE0BE3"/>
    <w:rsid w:val="00CE0FD6"/>
    <w:rsid w:val="00CE1022"/>
    <w:rsid w:val="00CE1426"/>
    <w:rsid w:val="00CE15EC"/>
    <w:rsid w:val="00CE18E9"/>
    <w:rsid w:val="00CE33F2"/>
    <w:rsid w:val="00CE37AB"/>
    <w:rsid w:val="00CE4C6A"/>
    <w:rsid w:val="00CE5C3E"/>
    <w:rsid w:val="00CE734E"/>
    <w:rsid w:val="00CE78AA"/>
    <w:rsid w:val="00CF0379"/>
    <w:rsid w:val="00CF404E"/>
    <w:rsid w:val="00CF4800"/>
    <w:rsid w:val="00CF5314"/>
    <w:rsid w:val="00CF5D58"/>
    <w:rsid w:val="00CF6816"/>
    <w:rsid w:val="00D00B4F"/>
    <w:rsid w:val="00D01089"/>
    <w:rsid w:val="00D01D94"/>
    <w:rsid w:val="00D0250F"/>
    <w:rsid w:val="00D02DF0"/>
    <w:rsid w:val="00D0443A"/>
    <w:rsid w:val="00D072A5"/>
    <w:rsid w:val="00D1084E"/>
    <w:rsid w:val="00D114FD"/>
    <w:rsid w:val="00D1347C"/>
    <w:rsid w:val="00D137EB"/>
    <w:rsid w:val="00D1408F"/>
    <w:rsid w:val="00D16D5C"/>
    <w:rsid w:val="00D176EE"/>
    <w:rsid w:val="00D2021E"/>
    <w:rsid w:val="00D211F7"/>
    <w:rsid w:val="00D212B5"/>
    <w:rsid w:val="00D259BF"/>
    <w:rsid w:val="00D26256"/>
    <w:rsid w:val="00D267E4"/>
    <w:rsid w:val="00D315CF"/>
    <w:rsid w:val="00D3299F"/>
    <w:rsid w:val="00D357D1"/>
    <w:rsid w:val="00D37213"/>
    <w:rsid w:val="00D374B5"/>
    <w:rsid w:val="00D40FE7"/>
    <w:rsid w:val="00D41845"/>
    <w:rsid w:val="00D46496"/>
    <w:rsid w:val="00D46A4B"/>
    <w:rsid w:val="00D50857"/>
    <w:rsid w:val="00D52E75"/>
    <w:rsid w:val="00D538ED"/>
    <w:rsid w:val="00D53EB7"/>
    <w:rsid w:val="00D53F1B"/>
    <w:rsid w:val="00D54057"/>
    <w:rsid w:val="00D5488F"/>
    <w:rsid w:val="00D574A3"/>
    <w:rsid w:val="00D60D9D"/>
    <w:rsid w:val="00D623FD"/>
    <w:rsid w:val="00D631CC"/>
    <w:rsid w:val="00D63A3A"/>
    <w:rsid w:val="00D65CCE"/>
    <w:rsid w:val="00D66836"/>
    <w:rsid w:val="00D6747E"/>
    <w:rsid w:val="00D6780A"/>
    <w:rsid w:val="00D7144B"/>
    <w:rsid w:val="00D71F46"/>
    <w:rsid w:val="00D726DC"/>
    <w:rsid w:val="00D739A6"/>
    <w:rsid w:val="00D75182"/>
    <w:rsid w:val="00D80518"/>
    <w:rsid w:val="00D81951"/>
    <w:rsid w:val="00D81976"/>
    <w:rsid w:val="00D81EDF"/>
    <w:rsid w:val="00D8263A"/>
    <w:rsid w:val="00D8296C"/>
    <w:rsid w:val="00D839FB"/>
    <w:rsid w:val="00D83CC2"/>
    <w:rsid w:val="00D848D2"/>
    <w:rsid w:val="00D85618"/>
    <w:rsid w:val="00D857BE"/>
    <w:rsid w:val="00D86F7F"/>
    <w:rsid w:val="00D90769"/>
    <w:rsid w:val="00D91BAB"/>
    <w:rsid w:val="00D91CF4"/>
    <w:rsid w:val="00D923EB"/>
    <w:rsid w:val="00D956AC"/>
    <w:rsid w:val="00D95789"/>
    <w:rsid w:val="00D9689B"/>
    <w:rsid w:val="00D97D5C"/>
    <w:rsid w:val="00DA0871"/>
    <w:rsid w:val="00DA08DA"/>
    <w:rsid w:val="00DA0D37"/>
    <w:rsid w:val="00DA2F31"/>
    <w:rsid w:val="00DA44DA"/>
    <w:rsid w:val="00DB012A"/>
    <w:rsid w:val="00DB0CFD"/>
    <w:rsid w:val="00DB1091"/>
    <w:rsid w:val="00DB10B9"/>
    <w:rsid w:val="00DB25EB"/>
    <w:rsid w:val="00DB4617"/>
    <w:rsid w:val="00DB5094"/>
    <w:rsid w:val="00DB5ECA"/>
    <w:rsid w:val="00DB765C"/>
    <w:rsid w:val="00DC08E4"/>
    <w:rsid w:val="00DC2130"/>
    <w:rsid w:val="00DC29C3"/>
    <w:rsid w:val="00DC3DD1"/>
    <w:rsid w:val="00DC4736"/>
    <w:rsid w:val="00DC51D3"/>
    <w:rsid w:val="00DC53C4"/>
    <w:rsid w:val="00DC613A"/>
    <w:rsid w:val="00DC791A"/>
    <w:rsid w:val="00DD0411"/>
    <w:rsid w:val="00DD05C2"/>
    <w:rsid w:val="00DD0756"/>
    <w:rsid w:val="00DD077F"/>
    <w:rsid w:val="00DD0ABF"/>
    <w:rsid w:val="00DD11A5"/>
    <w:rsid w:val="00DD1601"/>
    <w:rsid w:val="00DD22C8"/>
    <w:rsid w:val="00DD288A"/>
    <w:rsid w:val="00DD2DA6"/>
    <w:rsid w:val="00DD3611"/>
    <w:rsid w:val="00DD4E15"/>
    <w:rsid w:val="00DD50FA"/>
    <w:rsid w:val="00DD586B"/>
    <w:rsid w:val="00DD79F9"/>
    <w:rsid w:val="00DE166E"/>
    <w:rsid w:val="00DE1C18"/>
    <w:rsid w:val="00DE2BA7"/>
    <w:rsid w:val="00DE66D7"/>
    <w:rsid w:val="00DF211C"/>
    <w:rsid w:val="00DF5CFF"/>
    <w:rsid w:val="00DF6B86"/>
    <w:rsid w:val="00E00533"/>
    <w:rsid w:val="00E00A34"/>
    <w:rsid w:val="00E015FE"/>
    <w:rsid w:val="00E02A52"/>
    <w:rsid w:val="00E039EE"/>
    <w:rsid w:val="00E0779C"/>
    <w:rsid w:val="00E11FDD"/>
    <w:rsid w:val="00E15BE9"/>
    <w:rsid w:val="00E16307"/>
    <w:rsid w:val="00E17C2A"/>
    <w:rsid w:val="00E2040A"/>
    <w:rsid w:val="00E208C0"/>
    <w:rsid w:val="00E209DF"/>
    <w:rsid w:val="00E20A9C"/>
    <w:rsid w:val="00E20D46"/>
    <w:rsid w:val="00E20F2B"/>
    <w:rsid w:val="00E21687"/>
    <w:rsid w:val="00E21911"/>
    <w:rsid w:val="00E22C18"/>
    <w:rsid w:val="00E23D1B"/>
    <w:rsid w:val="00E24C18"/>
    <w:rsid w:val="00E261FA"/>
    <w:rsid w:val="00E26726"/>
    <w:rsid w:val="00E2771C"/>
    <w:rsid w:val="00E27B0F"/>
    <w:rsid w:val="00E322A5"/>
    <w:rsid w:val="00E326BD"/>
    <w:rsid w:val="00E32D1E"/>
    <w:rsid w:val="00E3343B"/>
    <w:rsid w:val="00E4020C"/>
    <w:rsid w:val="00E417BE"/>
    <w:rsid w:val="00E4201A"/>
    <w:rsid w:val="00E438D6"/>
    <w:rsid w:val="00E442A4"/>
    <w:rsid w:val="00E4516D"/>
    <w:rsid w:val="00E46A69"/>
    <w:rsid w:val="00E46B57"/>
    <w:rsid w:val="00E47940"/>
    <w:rsid w:val="00E479EB"/>
    <w:rsid w:val="00E50BB4"/>
    <w:rsid w:val="00E53F61"/>
    <w:rsid w:val="00E545D7"/>
    <w:rsid w:val="00E548D5"/>
    <w:rsid w:val="00E56AAA"/>
    <w:rsid w:val="00E6058E"/>
    <w:rsid w:val="00E61390"/>
    <w:rsid w:val="00E62555"/>
    <w:rsid w:val="00E64509"/>
    <w:rsid w:val="00E65A3F"/>
    <w:rsid w:val="00E74043"/>
    <w:rsid w:val="00E75DFF"/>
    <w:rsid w:val="00E80F7E"/>
    <w:rsid w:val="00E82D99"/>
    <w:rsid w:val="00E83826"/>
    <w:rsid w:val="00E83C89"/>
    <w:rsid w:val="00E91293"/>
    <w:rsid w:val="00E91931"/>
    <w:rsid w:val="00E91E64"/>
    <w:rsid w:val="00E92DF4"/>
    <w:rsid w:val="00E94A48"/>
    <w:rsid w:val="00E94CCD"/>
    <w:rsid w:val="00E956D9"/>
    <w:rsid w:val="00E957D8"/>
    <w:rsid w:val="00EA1735"/>
    <w:rsid w:val="00EA216F"/>
    <w:rsid w:val="00EA2254"/>
    <w:rsid w:val="00EA2F24"/>
    <w:rsid w:val="00EA3323"/>
    <w:rsid w:val="00EA42E0"/>
    <w:rsid w:val="00EA50D7"/>
    <w:rsid w:val="00EA5DF5"/>
    <w:rsid w:val="00EA6133"/>
    <w:rsid w:val="00EA73E2"/>
    <w:rsid w:val="00EA7657"/>
    <w:rsid w:val="00EA7698"/>
    <w:rsid w:val="00EA772F"/>
    <w:rsid w:val="00EA7765"/>
    <w:rsid w:val="00EA7C08"/>
    <w:rsid w:val="00EB1794"/>
    <w:rsid w:val="00EB2E03"/>
    <w:rsid w:val="00EB39EE"/>
    <w:rsid w:val="00EB3AEA"/>
    <w:rsid w:val="00EB7255"/>
    <w:rsid w:val="00EC1B99"/>
    <w:rsid w:val="00EC52B0"/>
    <w:rsid w:val="00EC6D29"/>
    <w:rsid w:val="00ED1A2D"/>
    <w:rsid w:val="00ED2F91"/>
    <w:rsid w:val="00ED2FF5"/>
    <w:rsid w:val="00ED3433"/>
    <w:rsid w:val="00ED3A53"/>
    <w:rsid w:val="00ED6F76"/>
    <w:rsid w:val="00EE2ABA"/>
    <w:rsid w:val="00EE5951"/>
    <w:rsid w:val="00EF12AD"/>
    <w:rsid w:val="00F0299C"/>
    <w:rsid w:val="00F034C6"/>
    <w:rsid w:val="00F03694"/>
    <w:rsid w:val="00F03E08"/>
    <w:rsid w:val="00F041CA"/>
    <w:rsid w:val="00F076EE"/>
    <w:rsid w:val="00F11795"/>
    <w:rsid w:val="00F146AC"/>
    <w:rsid w:val="00F152FE"/>
    <w:rsid w:val="00F178A2"/>
    <w:rsid w:val="00F217E5"/>
    <w:rsid w:val="00F23EED"/>
    <w:rsid w:val="00F25D27"/>
    <w:rsid w:val="00F26B78"/>
    <w:rsid w:val="00F3065F"/>
    <w:rsid w:val="00F33210"/>
    <w:rsid w:val="00F362DB"/>
    <w:rsid w:val="00F376E7"/>
    <w:rsid w:val="00F40A88"/>
    <w:rsid w:val="00F41900"/>
    <w:rsid w:val="00F42E52"/>
    <w:rsid w:val="00F43261"/>
    <w:rsid w:val="00F4472A"/>
    <w:rsid w:val="00F47261"/>
    <w:rsid w:val="00F478F9"/>
    <w:rsid w:val="00F51950"/>
    <w:rsid w:val="00F57C96"/>
    <w:rsid w:val="00F57E7D"/>
    <w:rsid w:val="00F60278"/>
    <w:rsid w:val="00F60644"/>
    <w:rsid w:val="00F65004"/>
    <w:rsid w:val="00F672E5"/>
    <w:rsid w:val="00F674E1"/>
    <w:rsid w:val="00F70F65"/>
    <w:rsid w:val="00F73733"/>
    <w:rsid w:val="00F738CF"/>
    <w:rsid w:val="00F74720"/>
    <w:rsid w:val="00F74884"/>
    <w:rsid w:val="00F76100"/>
    <w:rsid w:val="00F82664"/>
    <w:rsid w:val="00F85A97"/>
    <w:rsid w:val="00F85DCC"/>
    <w:rsid w:val="00F85EEA"/>
    <w:rsid w:val="00F86CA8"/>
    <w:rsid w:val="00F905FD"/>
    <w:rsid w:val="00F918E0"/>
    <w:rsid w:val="00F91CE2"/>
    <w:rsid w:val="00F92361"/>
    <w:rsid w:val="00FA05A8"/>
    <w:rsid w:val="00FA6D0D"/>
    <w:rsid w:val="00FB0CA9"/>
    <w:rsid w:val="00FB145E"/>
    <w:rsid w:val="00FB4C39"/>
    <w:rsid w:val="00FB4F9B"/>
    <w:rsid w:val="00FB53AD"/>
    <w:rsid w:val="00FB57A3"/>
    <w:rsid w:val="00FB626C"/>
    <w:rsid w:val="00FC0376"/>
    <w:rsid w:val="00FC0FF4"/>
    <w:rsid w:val="00FC0FFF"/>
    <w:rsid w:val="00FC25D6"/>
    <w:rsid w:val="00FC2EA7"/>
    <w:rsid w:val="00FC3D5C"/>
    <w:rsid w:val="00FC4905"/>
    <w:rsid w:val="00FC5312"/>
    <w:rsid w:val="00FC5BF9"/>
    <w:rsid w:val="00FC5D45"/>
    <w:rsid w:val="00FC7574"/>
    <w:rsid w:val="00FD2753"/>
    <w:rsid w:val="00FD301C"/>
    <w:rsid w:val="00FD3267"/>
    <w:rsid w:val="00FD4A8C"/>
    <w:rsid w:val="00FD4CAF"/>
    <w:rsid w:val="00FD61EB"/>
    <w:rsid w:val="00FE4771"/>
    <w:rsid w:val="00FF2BA6"/>
    <w:rsid w:val="00FF3149"/>
    <w:rsid w:val="00FF409A"/>
    <w:rsid w:val="00FF41B3"/>
    <w:rsid w:val="00FF4AB6"/>
    <w:rsid w:val="00FF4CA2"/>
    <w:rsid w:val="00FF5298"/>
    <w:rsid w:val="00FF738D"/>
    <w:rsid w:val="00FF754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4CAA73A6-C07D-4FA6-AD47-95B0F3EA0AE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3C06FB"/>
  </w:style>
  <w:style w:type="paragraph" w:styleId="1">
    <w:name w:val="heading 1"/>
    <w:basedOn w:val="a"/>
    <w:next w:val="a"/>
    <w:link w:val="10"/>
    <w:uiPriority w:val="9"/>
    <w:qFormat/>
    <w:rsid w:val="007A3E62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3">
    <w:name w:val="heading 3"/>
    <w:basedOn w:val="a"/>
    <w:next w:val="a"/>
    <w:link w:val="30"/>
    <w:uiPriority w:val="9"/>
    <w:semiHidden/>
    <w:unhideWhenUsed/>
    <w:qFormat/>
    <w:rsid w:val="00EB1794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4">
    <w:name w:val="heading 4"/>
    <w:basedOn w:val="a"/>
    <w:link w:val="40"/>
    <w:uiPriority w:val="9"/>
    <w:qFormat/>
    <w:rsid w:val="004336E5"/>
    <w:pPr>
      <w:spacing w:before="100" w:beforeAutospacing="1" w:after="100" w:afterAutospacing="1" w:line="240" w:lineRule="auto"/>
      <w:outlineLvl w:val="3"/>
    </w:pPr>
    <w:rPr>
      <w:rFonts w:ascii="Times New Roman" w:eastAsia="Times New Roman" w:hAnsi="Times New Roman" w:cs="Times New Roman"/>
      <w:b/>
      <w:bCs/>
      <w:sz w:val="24"/>
      <w:szCs w:val="24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40">
    <w:name w:val="Заголовок 4 Знак"/>
    <w:basedOn w:val="a0"/>
    <w:link w:val="4"/>
    <w:uiPriority w:val="9"/>
    <w:rsid w:val="004336E5"/>
    <w:rPr>
      <w:rFonts w:ascii="Times New Roman" w:eastAsia="Times New Roman" w:hAnsi="Times New Roman" w:cs="Times New Roman"/>
      <w:b/>
      <w:bCs/>
      <w:sz w:val="24"/>
      <w:szCs w:val="24"/>
      <w:lang w:eastAsia="ru-RU"/>
    </w:rPr>
  </w:style>
  <w:style w:type="paragraph" w:customStyle="1" w:styleId="c2">
    <w:name w:val="c2"/>
    <w:basedOn w:val="a"/>
    <w:rsid w:val="004336E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c1">
    <w:name w:val="c1"/>
    <w:basedOn w:val="a0"/>
    <w:rsid w:val="004336E5"/>
  </w:style>
  <w:style w:type="paragraph" w:customStyle="1" w:styleId="c0">
    <w:name w:val="c0"/>
    <w:basedOn w:val="a"/>
    <w:rsid w:val="004336E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customStyle="1" w:styleId="c6">
    <w:name w:val="c6"/>
    <w:basedOn w:val="a"/>
    <w:rsid w:val="004336E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c5">
    <w:name w:val="c5"/>
    <w:basedOn w:val="a0"/>
    <w:rsid w:val="004336E5"/>
  </w:style>
  <w:style w:type="paragraph" w:customStyle="1" w:styleId="c11">
    <w:name w:val="c11"/>
    <w:basedOn w:val="a"/>
    <w:rsid w:val="004336E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c01">
    <w:name w:val="c01"/>
    <w:basedOn w:val="a0"/>
    <w:rsid w:val="004336E5"/>
  </w:style>
  <w:style w:type="character" w:customStyle="1" w:styleId="apple-converted-space">
    <w:name w:val="apple-converted-space"/>
    <w:basedOn w:val="a0"/>
    <w:rsid w:val="004336E5"/>
  </w:style>
  <w:style w:type="paragraph" w:customStyle="1" w:styleId="c3">
    <w:name w:val="c3"/>
    <w:basedOn w:val="a"/>
    <w:rsid w:val="004336E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customStyle="1" w:styleId="c8">
    <w:name w:val="c8"/>
    <w:basedOn w:val="a"/>
    <w:rsid w:val="004336E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c21">
    <w:name w:val="c21"/>
    <w:basedOn w:val="a0"/>
    <w:rsid w:val="004336E5"/>
  </w:style>
  <w:style w:type="paragraph" w:customStyle="1" w:styleId="c7">
    <w:name w:val="c7"/>
    <w:basedOn w:val="a"/>
    <w:rsid w:val="004336E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customStyle="1" w:styleId="c51">
    <w:name w:val="c51"/>
    <w:basedOn w:val="a"/>
    <w:rsid w:val="004336E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paragraph" w:customStyle="1" w:styleId="c4">
    <w:name w:val="c4"/>
    <w:basedOn w:val="a"/>
    <w:rsid w:val="004336E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c41">
    <w:name w:val="c41"/>
    <w:basedOn w:val="a0"/>
    <w:rsid w:val="004336E5"/>
  </w:style>
  <w:style w:type="character" w:customStyle="1" w:styleId="30">
    <w:name w:val="Заголовок 3 Знак"/>
    <w:basedOn w:val="a0"/>
    <w:link w:val="3"/>
    <w:uiPriority w:val="9"/>
    <w:semiHidden/>
    <w:rsid w:val="00EB1794"/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a3">
    <w:name w:val="Normal (Web)"/>
    <w:basedOn w:val="a"/>
    <w:uiPriority w:val="99"/>
    <w:unhideWhenUsed/>
    <w:rsid w:val="00EB179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a4">
    <w:name w:val="Без интервала Знак"/>
    <w:basedOn w:val="a0"/>
    <w:link w:val="a5"/>
    <w:uiPriority w:val="1"/>
    <w:locked/>
    <w:rsid w:val="00E50BB4"/>
    <w:rPr>
      <w:rFonts w:ascii="Calibri" w:eastAsia="Times New Roman" w:hAnsi="Calibri" w:cs="Times New Roman"/>
    </w:rPr>
  </w:style>
  <w:style w:type="paragraph" w:styleId="a5">
    <w:name w:val="No Spacing"/>
    <w:link w:val="a4"/>
    <w:uiPriority w:val="1"/>
    <w:qFormat/>
    <w:rsid w:val="00E50BB4"/>
    <w:pPr>
      <w:spacing w:after="0" w:line="240" w:lineRule="auto"/>
    </w:pPr>
    <w:rPr>
      <w:rFonts w:ascii="Calibri" w:eastAsia="Times New Roman" w:hAnsi="Calibri" w:cs="Times New Roman"/>
    </w:rPr>
  </w:style>
  <w:style w:type="character" w:customStyle="1" w:styleId="10">
    <w:name w:val="Заголовок 1 Знак"/>
    <w:basedOn w:val="a0"/>
    <w:link w:val="1"/>
    <w:uiPriority w:val="9"/>
    <w:rsid w:val="007A3E62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customStyle="1" w:styleId="c13">
    <w:name w:val="c13"/>
    <w:basedOn w:val="a0"/>
    <w:rsid w:val="007A3E62"/>
  </w:style>
  <w:style w:type="paragraph" w:styleId="a6">
    <w:name w:val="Body Text"/>
    <w:basedOn w:val="a"/>
    <w:link w:val="11"/>
    <w:uiPriority w:val="99"/>
    <w:unhideWhenUsed/>
    <w:rsid w:val="003D11E1"/>
    <w:pPr>
      <w:shd w:val="clear" w:color="auto" w:fill="FFFFFF"/>
      <w:spacing w:after="0" w:line="408" w:lineRule="exact"/>
    </w:pPr>
    <w:rPr>
      <w:rFonts w:eastAsiaTheme="minorEastAsia"/>
      <w:sz w:val="23"/>
      <w:szCs w:val="23"/>
      <w:lang w:eastAsia="ru-RU"/>
    </w:rPr>
  </w:style>
  <w:style w:type="character" w:customStyle="1" w:styleId="a7">
    <w:name w:val="Основной текст Знак"/>
    <w:basedOn w:val="a0"/>
    <w:uiPriority w:val="99"/>
    <w:semiHidden/>
    <w:rsid w:val="003D11E1"/>
  </w:style>
  <w:style w:type="character" w:customStyle="1" w:styleId="11">
    <w:name w:val="Основной текст Знак1"/>
    <w:link w:val="a6"/>
    <w:uiPriority w:val="99"/>
    <w:locked/>
    <w:rsid w:val="003D11E1"/>
    <w:rPr>
      <w:rFonts w:eastAsiaTheme="minorEastAsia"/>
      <w:sz w:val="23"/>
      <w:szCs w:val="23"/>
      <w:shd w:val="clear" w:color="auto" w:fill="FFFFFF"/>
      <w:lang w:eastAsia="ru-RU"/>
    </w:rPr>
  </w:style>
  <w:style w:type="character" w:customStyle="1" w:styleId="1pt">
    <w:name w:val="Основной текст + Интервал 1 pt"/>
    <w:uiPriority w:val="99"/>
    <w:rsid w:val="003D11E1"/>
    <w:rPr>
      <w:rFonts w:ascii="Times New Roman" w:hAnsi="Times New Roman" w:cs="Times New Roman" w:hint="default"/>
      <w:spacing w:val="30"/>
      <w:sz w:val="23"/>
      <w:szCs w:val="23"/>
    </w:rPr>
  </w:style>
  <w:style w:type="paragraph" w:styleId="a8">
    <w:name w:val="List Paragraph"/>
    <w:basedOn w:val="a"/>
    <w:uiPriority w:val="34"/>
    <w:qFormat/>
    <w:rsid w:val="00EA3323"/>
    <w:pPr>
      <w:ind w:left="720"/>
      <w:contextualSpacing/>
    </w:pPr>
  </w:style>
  <w:style w:type="paragraph" w:customStyle="1" w:styleId="Default">
    <w:name w:val="Default"/>
    <w:rsid w:val="000D6FEA"/>
    <w:pPr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ru-RU"/>
    </w:rPr>
  </w:style>
  <w:style w:type="character" w:styleId="a9">
    <w:name w:val="Hyperlink"/>
    <w:basedOn w:val="a0"/>
    <w:uiPriority w:val="99"/>
    <w:semiHidden/>
    <w:unhideWhenUsed/>
    <w:rsid w:val="00241D8C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1290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08378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65943669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  <w:div w:id="2043050980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  <w:div w:id="235089075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  <w:div w:id="343291172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  <w:div w:id="951984545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  <w:div w:id="598563214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  <w:div w:id="828210196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  <w:div w:id="1199858045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  <w:div w:id="334193556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  <w:div w:id="1086541203">
          <w:marLeft w:val="0"/>
          <w:marRight w:val="0"/>
          <w:marTop w:val="0"/>
          <w:marBottom w:val="0"/>
          <w:divBdr>
            <w:top w:val="dotted" w:sz="6" w:space="8" w:color="666666"/>
            <w:left w:val="dotted" w:sz="6" w:space="8" w:color="666666"/>
            <w:bottom w:val="dotted" w:sz="6" w:space="8" w:color="666666"/>
            <w:right w:val="dotted" w:sz="6" w:space="8" w:color="666666"/>
          </w:divBdr>
        </w:div>
      </w:divsChild>
    </w:div>
    <w:div w:id="1591238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9</Pages>
  <Words>4562</Words>
  <Characters>26007</Characters>
  <Application>Microsoft Office Word</Application>
  <DocSecurity>0</DocSecurity>
  <Lines>216</Lines>
  <Paragraphs>6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RePack by SPecialiST</Company>
  <LinksUpToDate>false</LinksUpToDate>
  <CharactersWithSpaces>3050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cer</dc:creator>
  <cp:lastModifiedBy>i3</cp:lastModifiedBy>
  <cp:revision>3</cp:revision>
  <dcterms:created xsi:type="dcterms:W3CDTF">2017-06-23T09:06:00Z</dcterms:created>
  <dcterms:modified xsi:type="dcterms:W3CDTF">2018-02-16T07:57:00Z</dcterms:modified>
</cp:coreProperties>
</file>